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comments/comment1.xml" ContentType="application/vnd.openxmlformats-officedocument.presentationml.comments+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comments/comment2.xml" ContentType="application/vnd.openxmlformats-officedocument.presentationml.comments+xml"/>
  <Override PartName="/ppt/comments/comment3.xml" ContentType="application/vnd.openxmlformats-officedocument.presentationml.comments+xml"/>
  <Override PartName="/ppt/notesSlides/notesSlide4.xml" ContentType="application/vnd.openxmlformats-officedocument.presentationml.notesSlide+xml"/>
  <Override PartName="/ppt/comments/comment4.xml" ContentType="application/vnd.openxmlformats-officedocument.presentationml.comments+xml"/>
  <Override PartName="/ppt/notesSlides/notesSlide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notesSlides/notesSlide8.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1"/>
  </p:notesMasterIdLst>
  <p:sldIdLst>
    <p:sldId id="266" r:id="rId2"/>
    <p:sldId id="281" r:id="rId3"/>
    <p:sldId id="954" r:id="rId4"/>
    <p:sldId id="272" r:id="rId5"/>
    <p:sldId id="282" r:id="rId6"/>
    <p:sldId id="286" r:id="rId7"/>
    <p:sldId id="284" r:id="rId8"/>
    <p:sldId id="288" r:id="rId9"/>
    <p:sldId id="287" r:id="rId10"/>
    <p:sldId id="285" r:id="rId11"/>
    <p:sldId id="274" r:id="rId12"/>
    <p:sldId id="953" r:id="rId13"/>
    <p:sldId id="952" r:id="rId14"/>
    <p:sldId id="273" r:id="rId15"/>
    <p:sldId id="955" r:id="rId16"/>
    <p:sldId id="276" r:id="rId17"/>
    <p:sldId id="278" r:id="rId18"/>
    <p:sldId id="279" r:id="rId19"/>
    <p:sldId id="280" r:id="rId2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Von Brock, Ryan CDT (EDU)" initials="V(" lastIdx="14" clrIdx="0">
    <p:extLst>
      <p:ext uri="{19B8F6BF-5375-455C-9EA6-DF929625EA0E}">
        <p15:presenceInfo xmlns:p15="http://schemas.microsoft.com/office/powerpoint/2012/main" userId="S::ryan.d.vonbrock@uscga.edu::906a1a04-0a10-4aa7-bed1-b7f4598a8a36" providerId="AD"/>
      </p:ext>
    </p:extLst>
  </p:cmAuthor>
  <p:cmAuthor id="2" name="Meyers, Cody CDT (EDU)" initials="M(" lastIdx="1" clrIdx="1">
    <p:extLst>
      <p:ext uri="{19B8F6BF-5375-455C-9EA6-DF929625EA0E}">
        <p15:presenceInfo xmlns:p15="http://schemas.microsoft.com/office/powerpoint/2012/main" userId="S::cody.l.meyers@uscga.edu::68ac265e-9a9f-4f92-b31a-0aa84539a4f9" providerId="AD"/>
      </p:ext>
    </p:extLst>
  </p:cmAuthor>
  <p:cmAuthor id="3" name="Jacob Schellman" initials="JS" lastIdx="12" clrIdx="2">
    <p:extLst>
      <p:ext uri="{19B8F6BF-5375-455C-9EA6-DF929625EA0E}">
        <p15:presenceInfo xmlns:p15="http://schemas.microsoft.com/office/powerpoint/2012/main" userId="Jacob Schellman"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F82352B-AC4B-4A5F-AB5E-7A48EFDA7CB6}" v="5246" dt="2021-11-09T04:49:09.37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p:scale>
          <a:sx n="62" d="100"/>
          <a:sy n="62" d="100"/>
        </p:scale>
        <p:origin x="804" y="5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presProps" Target="presProps.xml"/><Relationship Id="rId28"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commentAuthors" Target="commentAuthors.xml"/><Relationship Id="rId27"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eyers, Cody CDT (EDU)" userId="68ac265e-9a9f-4f92-b31a-0aa84539a4f9" providerId="ADAL" clId="{CE998F34-7A72-40CA-96B9-83738B5010FC}"/>
    <pc:docChg chg="undo custSel modSld">
      <pc:chgData name="Meyers, Cody CDT (EDU)" userId="68ac265e-9a9f-4f92-b31a-0aa84539a4f9" providerId="ADAL" clId="{CE998F34-7A72-40CA-96B9-83738B5010FC}" dt="2021-11-09T04:05:14.580" v="1145" actId="1076"/>
      <pc:docMkLst>
        <pc:docMk/>
      </pc:docMkLst>
      <pc:sldChg chg="addSp modSp mod">
        <pc:chgData name="Meyers, Cody CDT (EDU)" userId="68ac265e-9a9f-4f92-b31a-0aa84539a4f9" providerId="ADAL" clId="{CE998F34-7A72-40CA-96B9-83738B5010FC}" dt="2021-11-09T04:05:14.580" v="1145" actId="1076"/>
        <pc:sldMkLst>
          <pc:docMk/>
          <pc:sldMk cId="4070126612" sldId="272"/>
        </pc:sldMkLst>
        <pc:spChg chg="mod">
          <ac:chgData name="Meyers, Cody CDT (EDU)" userId="68ac265e-9a9f-4f92-b31a-0aa84539a4f9" providerId="ADAL" clId="{CE998F34-7A72-40CA-96B9-83738B5010FC}" dt="2021-11-09T04:05:02.478" v="1144" actId="20577"/>
          <ac:spMkLst>
            <pc:docMk/>
            <pc:sldMk cId="4070126612" sldId="272"/>
            <ac:spMk id="3" creationId="{4BC1EB17-17D9-46B5-BB18-29163431A1BD}"/>
          </ac:spMkLst>
        </pc:spChg>
        <pc:spChg chg="add mod">
          <ac:chgData name="Meyers, Cody CDT (EDU)" userId="68ac265e-9a9f-4f92-b31a-0aa84539a4f9" providerId="ADAL" clId="{CE998F34-7A72-40CA-96B9-83738B5010FC}" dt="2021-11-09T04:05:14.580" v="1145" actId="1076"/>
          <ac:spMkLst>
            <pc:docMk/>
            <pc:sldMk cId="4070126612" sldId="272"/>
            <ac:spMk id="4" creationId="{D7AEB035-8AEE-41BF-9C7A-04E3434611D7}"/>
          </ac:spMkLst>
        </pc:spChg>
        <pc:spChg chg="add mod">
          <ac:chgData name="Meyers, Cody CDT (EDU)" userId="68ac265e-9a9f-4f92-b31a-0aa84539a4f9" providerId="ADAL" clId="{CE998F34-7A72-40CA-96B9-83738B5010FC}" dt="2021-11-09T03:26:44.466" v="1106" actId="20577"/>
          <ac:spMkLst>
            <pc:docMk/>
            <pc:sldMk cId="4070126612" sldId="272"/>
            <ac:spMk id="5" creationId="{55B45AFB-4169-4E9C-AF1B-4C57A6010F5F}"/>
          </ac:spMkLst>
        </pc:spChg>
      </pc:sldChg>
      <pc:sldChg chg="addSp delSp modSp mod setBg">
        <pc:chgData name="Meyers, Cody CDT (EDU)" userId="68ac265e-9a9f-4f92-b31a-0aa84539a4f9" providerId="ADAL" clId="{CE998F34-7A72-40CA-96B9-83738B5010FC}" dt="2021-11-09T03:54:57.221" v="1125" actId="1076"/>
        <pc:sldMkLst>
          <pc:docMk/>
          <pc:sldMk cId="2070352504" sldId="281"/>
        </pc:sldMkLst>
        <pc:spChg chg="mod">
          <ac:chgData name="Meyers, Cody CDT (EDU)" userId="68ac265e-9a9f-4f92-b31a-0aa84539a4f9" providerId="ADAL" clId="{CE998F34-7A72-40CA-96B9-83738B5010FC}" dt="2021-11-09T03:54:46.395" v="1123" actId="26606"/>
          <ac:spMkLst>
            <pc:docMk/>
            <pc:sldMk cId="2070352504" sldId="281"/>
            <ac:spMk id="2" creationId="{5132B2C2-3651-4DF9-B49F-12AAAA30A249}"/>
          </ac:spMkLst>
        </pc:spChg>
        <pc:spChg chg="mod">
          <ac:chgData name="Meyers, Cody CDT (EDU)" userId="68ac265e-9a9f-4f92-b31a-0aa84539a4f9" providerId="ADAL" clId="{CE998F34-7A72-40CA-96B9-83738B5010FC}" dt="2021-11-09T03:54:46.395" v="1123" actId="26606"/>
          <ac:spMkLst>
            <pc:docMk/>
            <pc:sldMk cId="2070352504" sldId="281"/>
            <ac:spMk id="3" creationId="{A45B0BFE-8225-4317-B594-1AEF66E9A48F}"/>
          </ac:spMkLst>
        </pc:spChg>
        <pc:spChg chg="add del">
          <ac:chgData name="Meyers, Cody CDT (EDU)" userId="68ac265e-9a9f-4f92-b31a-0aa84539a4f9" providerId="ADAL" clId="{CE998F34-7A72-40CA-96B9-83738B5010FC}" dt="2021-11-09T03:53:50.015" v="1113" actId="26606"/>
          <ac:spMkLst>
            <pc:docMk/>
            <pc:sldMk cId="2070352504" sldId="281"/>
            <ac:spMk id="10" creationId="{F13C74B1-5B17-4795-BED0-7140497B445A}"/>
          </ac:spMkLst>
        </pc:spChg>
        <pc:spChg chg="add del">
          <ac:chgData name="Meyers, Cody CDT (EDU)" userId="68ac265e-9a9f-4f92-b31a-0aa84539a4f9" providerId="ADAL" clId="{CE998F34-7A72-40CA-96B9-83738B5010FC}" dt="2021-11-09T03:53:50.015" v="1113" actId="26606"/>
          <ac:spMkLst>
            <pc:docMk/>
            <pc:sldMk cId="2070352504" sldId="281"/>
            <ac:spMk id="12" creationId="{D4974D33-8DC5-464E-8C6D-BE58F0669C17}"/>
          </ac:spMkLst>
        </pc:spChg>
        <pc:spChg chg="add del">
          <ac:chgData name="Meyers, Cody CDT (EDU)" userId="68ac265e-9a9f-4f92-b31a-0aa84539a4f9" providerId="ADAL" clId="{CE998F34-7A72-40CA-96B9-83738B5010FC}" dt="2021-11-09T03:53:53.521" v="1115" actId="26606"/>
          <ac:spMkLst>
            <pc:docMk/>
            <pc:sldMk cId="2070352504" sldId="281"/>
            <ac:spMk id="14" creationId="{4B6ECB93-D7FF-4F09-A8ED-D4588EE7C7DA}"/>
          </ac:spMkLst>
        </pc:spChg>
        <pc:spChg chg="add del">
          <ac:chgData name="Meyers, Cody CDT (EDU)" userId="68ac265e-9a9f-4f92-b31a-0aa84539a4f9" providerId="ADAL" clId="{CE998F34-7A72-40CA-96B9-83738B5010FC}" dt="2021-11-09T03:53:53.521" v="1115" actId="26606"/>
          <ac:spMkLst>
            <pc:docMk/>
            <pc:sldMk cId="2070352504" sldId="281"/>
            <ac:spMk id="15" creationId="{EBF87945-A001-489F-9D9B-7D9435F0B9CA}"/>
          </ac:spMkLst>
        </pc:spChg>
        <pc:spChg chg="add del">
          <ac:chgData name="Meyers, Cody CDT (EDU)" userId="68ac265e-9a9f-4f92-b31a-0aa84539a4f9" providerId="ADAL" clId="{CE998F34-7A72-40CA-96B9-83738B5010FC}" dt="2021-11-09T03:54:06.017" v="1117" actId="26606"/>
          <ac:spMkLst>
            <pc:docMk/>
            <pc:sldMk cId="2070352504" sldId="281"/>
            <ac:spMk id="17" creationId="{5E39A796-BE83-48B1-B33F-35C4A32AAB57}"/>
          </ac:spMkLst>
        </pc:spChg>
        <pc:spChg chg="add del">
          <ac:chgData name="Meyers, Cody CDT (EDU)" userId="68ac265e-9a9f-4f92-b31a-0aa84539a4f9" providerId="ADAL" clId="{CE998F34-7A72-40CA-96B9-83738B5010FC}" dt="2021-11-09T03:54:06.017" v="1117" actId="26606"/>
          <ac:spMkLst>
            <pc:docMk/>
            <pc:sldMk cId="2070352504" sldId="281"/>
            <ac:spMk id="18" creationId="{72F84B47-E267-4194-8194-831DB7B5547F}"/>
          </ac:spMkLst>
        </pc:spChg>
        <pc:spChg chg="add del">
          <ac:chgData name="Meyers, Cody CDT (EDU)" userId="68ac265e-9a9f-4f92-b31a-0aa84539a4f9" providerId="ADAL" clId="{CE998F34-7A72-40CA-96B9-83738B5010FC}" dt="2021-11-09T03:54:07.591" v="1119" actId="26606"/>
          <ac:spMkLst>
            <pc:docMk/>
            <pc:sldMk cId="2070352504" sldId="281"/>
            <ac:spMk id="20" creationId="{4B6ECB93-D7FF-4F09-A8ED-D4588EE7C7DA}"/>
          </ac:spMkLst>
        </pc:spChg>
        <pc:spChg chg="add del">
          <ac:chgData name="Meyers, Cody CDT (EDU)" userId="68ac265e-9a9f-4f92-b31a-0aa84539a4f9" providerId="ADAL" clId="{CE998F34-7A72-40CA-96B9-83738B5010FC}" dt="2021-11-09T03:54:07.591" v="1119" actId="26606"/>
          <ac:spMkLst>
            <pc:docMk/>
            <pc:sldMk cId="2070352504" sldId="281"/>
            <ac:spMk id="21" creationId="{EBF87945-A001-489F-9D9B-7D9435F0B9CA}"/>
          </ac:spMkLst>
        </pc:spChg>
        <pc:spChg chg="add del">
          <ac:chgData name="Meyers, Cody CDT (EDU)" userId="68ac265e-9a9f-4f92-b31a-0aa84539a4f9" providerId="ADAL" clId="{CE998F34-7A72-40CA-96B9-83738B5010FC}" dt="2021-11-09T03:54:22.412" v="1121" actId="26606"/>
          <ac:spMkLst>
            <pc:docMk/>
            <pc:sldMk cId="2070352504" sldId="281"/>
            <ac:spMk id="23" creationId="{5E39A796-BE83-48B1-B33F-35C4A32AAB57}"/>
          </ac:spMkLst>
        </pc:spChg>
        <pc:spChg chg="add del">
          <ac:chgData name="Meyers, Cody CDT (EDU)" userId="68ac265e-9a9f-4f92-b31a-0aa84539a4f9" providerId="ADAL" clId="{CE998F34-7A72-40CA-96B9-83738B5010FC}" dt="2021-11-09T03:54:22.412" v="1121" actId="26606"/>
          <ac:spMkLst>
            <pc:docMk/>
            <pc:sldMk cId="2070352504" sldId="281"/>
            <ac:spMk id="24" creationId="{72F84B47-E267-4194-8194-831DB7B5547F}"/>
          </ac:spMkLst>
        </pc:spChg>
        <pc:spChg chg="add del">
          <ac:chgData name="Meyers, Cody CDT (EDU)" userId="68ac265e-9a9f-4f92-b31a-0aa84539a4f9" providerId="ADAL" clId="{CE998F34-7A72-40CA-96B9-83738B5010FC}" dt="2021-11-09T03:54:46.395" v="1123" actId="26606"/>
          <ac:spMkLst>
            <pc:docMk/>
            <pc:sldMk cId="2070352504" sldId="281"/>
            <ac:spMk id="26" creationId="{04812C46-200A-4DEB-A05E-3ED6C68C2387}"/>
          </ac:spMkLst>
        </pc:spChg>
        <pc:spChg chg="add del">
          <ac:chgData name="Meyers, Cody CDT (EDU)" userId="68ac265e-9a9f-4f92-b31a-0aa84539a4f9" providerId="ADAL" clId="{CE998F34-7A72-40CA-96B9-83738B5010FC}" dt="2021-11-09T03:54:46.395" v="1123" actId="26606"/>
          <ac:spMkLst>
            <pc:docMk/>
            <pc:sldMk cId="2070352504" sldId="281"/>
            <ac:spMk id="27" creationId="{D1EA859B-E555-4109-94F3-6700E046E008}"/>
          </ac:spMkLst>
        </pc:spChg>
        <pc:picChg chg="add mod ord">
          <ac:chgData name="Meyers, Cody CDT (EDU)" userId="68ac265e-9a9f-4f92-b31a-0aa84539a4f9" providerId="ADAL" clId="{CE998F34-7A72-40CA-96B9-83738B5010FC}" dt="2021-11-09T03:54:57.221" v="1125" actId="1076"/>
          <ac:picMkLst>
            <pc:docMk/>
            <pc:sldMk cId="2070352504" sldId="281"/>
            <ac:picMk id="5" creationId="{4EE6F2D4-0DBE-48CF-8A62-C7A7E4629985}"/>
          </ac:picMkLst>
        </pc:picChg>
      </pc:sldChg>
      <pc:sldChg chg="addSp delSp modSp mod">
        <pc:chgData name="Meyers, Cody CDT (EDU)" userId="68ac265e-9a9f-4f92-b31a-0aa84539a4f9" providerId="ADAL" clId="{CE998F34-7A72-40CA-96B9-83738B5010FC}" dt="2021-11-09T03:05:15.436" v="1000" actId="1076"/>
        <pc:sldMkLst>
          <pc:docMk/>
          <pc:sldMk cId="1382177328" sldId="282"/>
        </pc:sldMkLst>
        <pc:spChg chg="mod">
          <ac:chgData name="Meyers, Cody CDT (EDU)" userId="68ac265e-9a9f-4f92-b31a-0aa84539a4f9" providerId="ADAL" clId="{CE998F34-7A72-40CA-96B9-83738B5010FC}" dt="2021-11-09T03:05:15.436" v="1000" actId="1076"/>
          <ac:spMkLst>
            <pc:docMk/>
            <pc:sldMk cId="1382177328" sldId="282"/>
            <ac:spMk id="2" creationId="{95F8F1E8-4E42-4AA2-8C49-661C9EEE2DDE}"/>
          </ac:spMkLst>
        </pc:spChg>
        <pc:spChg chg="del mod">
          <ac:chgData name="Meyers, Cody CDT (EDU)" userId="68ac265e-9a9f-4f92-b31a-0aa84539a4f9" providerId="ADAL" clId="{CE998F34-7A72-40CA-96B9-83738B5010FC}" dt="2021-11-09T01:34:07.404" v="147" actId="931"/>
          <ac:spMkLst>
            <pc:docMk/>
            <pc:sldMk cId="1382177328" sldId="282"/>
            <ac:spMk id="3" creationId="{4BC1EB17-17D9-46B5-BB18-29163431A1BD}"/>
          </ac:spMkLst>
        </pc:spChg>
        <pc:spChg chg="add del mod">
          <ac:chgData name="Meyers, Cody CDT (EDU)" userId="68ac265e-9a9f-4f92-b31a-0aa84539a4f9" providerId="ADAL" clId="{CE998F34-7A72-40CA-96B9-83738B5010FC}" dt="2021-11-09T01:42:26.745" v="167"/>
          <ac:spMkLst>
            <pc:docMk/>
            <pc:sldMk cId="1382177328" sldId="282"/>
            <ac:spMk id="14" creationId="{715F0D3F-8F88-4715-8855-88AE7266CE75}"/>
          </ac:spMkLst>
        </pc:spChg>
        <pc:spChg chg="add del mod">
          <ac:chgData name="Meyers, Cody CDT (EDU)" userId="68ac265e-9a9f-4f92-b31a-0aa84539a4f9" providerId="ADAL" clId="{CE998F34-7A72-40CA-96B9-83738B5010FC}" dt="2021-11-09T03:05:08.339" v="998" actId="21"/>
          <ac:spMkLst>
            <pc:docMk/>
            <pc:sldMk cId="1382177328" sldId="282"/>
            <ac:spMk id="15" creationId="{AEE1FDD0-2DB3-4995-9EEC-22021DBAC7DC}"/>
          </ac:spMkLst>
        </pc:spChg>
        <pc:spChg chg="add del mod">
          <ac:chgData name="Meyers, Cody CDT (EDU)" userId="68ac265e-9a9f-4f92-b31a-0aa84539a4f9" providerId="ADAL" clId="{CE998F34-7A72-40CA-96B9-83738B5010FC}" dt="2021-11-09T03:05:08.339" v="998" actId="21"/>
          <ac:spMkLst>
            <pc:docMk/>
            <pc:sldMk cId="1382177328" sldId="282"/>
            <ac:spMk id="16" creationId="{23221704-B36D-442F-9954-36184A99723A}"/>
          </ac:spMkLst>
        </pc:spChg>
        <pc:spChg chg="add del mod">
          <ac:chgData name="Meyers, Cody CDT (EDU)" userId="68ac265e-9a9f-4f92-b31a-0aa84539a4f9" providerId="ADAL" clId="{CE998F34-7A72-40CA-96B9-83738B5010FC}" dt="2021-11-09T03:05:08.339" v="998" actId="21"/>
          <ac:spMkLst>
            <pc:docMk/>
            <pc:sldMk cId="1382177328" sldId="282"/>
            <ac:spMk id="17" creationId="{FDBF4F3F-40E7-4A0A-AC72-1FFB6312967F}"/>
          </ac:spMkLst>
        </pc:spChg>
        <pc:spChg chg="add del mod">
          <ac:chgData name="Meyers, Cody CDT (EDU)" userId="68ac265e-9a9f-4f92-b31a-0aa84539a4f9" providerId="ADAL" clId="{CE998F34-7A72-40CA-96B9-83738B5010FC}" dt="2021-11-09T03:05:08.339" v="998" actId="21"/>
          <ac:spMkLst>
            <pc:docMk/>
            <pc:sldMk cId="1382177328" sldId="282"/>
            <ac:spMk id="18" creationId="{3CFFB0A2-49DD-4E67-ADE0-02BC26A75AF5}"/>
          </ac:spMkLst>
        </pc:spChg>
        <pc:spChg chg="add del mod">
          <ac:chgData name="Meyers, Cody CDT (EDU)" userId="68ac265e-9a9f-4f92-b31a-0aa84539a4f9" providerId="ADAL" clId="{CE998F34-7A72-40CA-96B9-83738B5010FC}" dt="2021-11-09T03:05:08.339" v="998" actId="21"/>
          <ac:spMkLst>
            <pc:docMk/>
            <pc:sldMk cId="1382177328" sldId="282"/>
            <ac:spMk id="19" creationId="{F5E53642-B772-4251-BC20-42446E31BED9}"/>
          </ac:spMkLst>
        </pc:spChg>
        <pc:spChg chg="add del mod">
          <ac:chgData name="Meyers, Cody CDT (EDU)" userId="68ac265e-9a9f-4f92-b31a-0aa84539a4f9" providerId="ADAL" clId="{CE998F34-7A72-40CA-96B9-83738B5010FC}" dt="2021-11-09T03:05:08.339" v="998" actId="21"/>
          <ac:spMkLst>
            <pc:docMk/>
            <pc:sldMk cId="1382177328" sldId="282"/>
            <ac:spMk id="20" creationId="{1E15A823-403D-44FB-AD97-6969DEE7626A}"/>
          </ac:spMkLst>
        </pc:spChg>
        <pc:spChg chg="mod">
          <ac:chgData name="Meyers, Cody CDT (EDU)" userId="68ac265e-9a9f-4f92-b31a-0aa84539a4f9" providerId="ADAL" clId="{CE998F34-7A72-40CA-96B9-83738B5010FC}" dt="2021-11-09T01:49:28.909" v="266"/>
          <ac:spMkLst>
            <pc:docMk/>
            <pc:sldMk cId="1382177328" sldId="282"/>
            <ac:spMk id="21" creationId="{25D5D115-1D1A-4873-9CE0-67FF25AEB44B}"/>
          </ac:spMkLst>
        </pc:spChg>
        <pc:spChg chg="add del mod">
          <ac:chgData name="Meyers, Cody CDT (EDU)" userId="68ac265e-9a9f-4f92-b31a-0aa84539a4f9" providerId="ADAL" clId="{CE998F34-7A72-40CA-96B9-83738B5010FC}" dt="2021-11-09T03:05:08.339" v="998" actId="21"/>
          <ac:spMkLst>
            <pc:docMk/>
            <pc:sldMk cId="1382177328" sldId="282"/>
            <ac:spMk id="23" creationId="{55FAAC88-049C-43A3-B547-841F3F41EE9F}"/>
          </ac:spMkLst>
        </pc:spChg>
        <pc:spChg chg="add del mod">
          <ac:chgData name="Meyers, Cody CDT (EDU)" userId="68ac265e-9a9f-4f92-b31a-0aa84539a4f9" providerId="ADAL" clId="{CE998F34-7A72-40CA-96B9-83738B5010FC}" dt="2021-11-09T03:05:07.446" v="996"/>
          <ac:spMkLst>
            <pc:docMk/>
            <pc:sldMk cId="1382177328" sldId="282"/>
            <ac:spMk id="24" creationId="{D1E2A48C-4951-4995-8F42-4A6CBC49F350}"/>
          </ac:spMkLst>
        </pc:spChg>
        <pc:picChg chg="add del mod">
          <ac:chgData name="Meyers, Cody CDT (EDU)" userId="68ac265e-9a9f-4f92-b31a-0aa84539a4f9" providerId="ADAL" clId="{CE998F34-7A72-40CA-96B9-83738B5010FC}" dt="2021-11-09T03:05:08.339" v="998" actId="21"/>
          <ac:picMkLst>
            <pc:docMk/>
            <pc:sldMk cId="1382177328" sldId="282"/>
            <ac:picMk id="5" creationId="{4514B80D-92B9-47BF-A4C7-D0F7A23E6317}"/>
          </ac:picMkLst>
        </pc:picChg>
        <pc:picChg chg="add del mod">
          <ac:chgData name="Meyers, Cody CDT (EDU)" userId="68ac265e-9a9f-4f92-b31a-0aa84539a4f9" providerId="ADAL" clId="{CE998F34-7A72-40CA-96B9-83738B5010FC}" dt="2021-11-09T03:05:08.339" v="998" actId="21"/>
          <ac:picMkLst>
            <pc:docMk/>
            <pc:sldMk cId="1382177328" sldId="282"/>
            <ac:picMk id="7" creationId="{7C57F14D-BA5D-4DBB-8579-B7FFEE0818B8}"/>
          </ac:picMkLst>
        </pc:picChg>
        <pc:picChg chg="add del mod">
          <ac:chgData name="Meyers, Cody CDT (EDU)" userId="68ac265e-9a9f-4f92-b31a-0aa84539a4f9" providerId="ADAL" clId="{CE998F34-7A72-40CA-96B9-83738B5010FC}" dt="2021-11-09T03:05:08.339" v="998" actId="21"/>
          <ac:picMkLst>
            <pc:docMk/>
            <pc:sldMk cId="1382177328" sldId="282"/>
            <ac:picMk id="9" creationId="{FDEF258C-8C20-4649-8A16-F2C44AEDCBF7}"/>
          </ac:picMkLst>
        </pc:picChg>
        <pc:picChg chg="add del mod">
          <ac:chgData name="Meyers, Cody CDT (EDU)" userId="68ac265e-9a9f-4f92-b31a-0aa84539a4f9" providerId="ADAL" clId="{CE998F34-7A72-40CA-96B9-83738B5010FC}" dt="2021-11-09T03:05:08.339" v="998" actId="21"/>
          <ac:picMkLst>
            <pc:docMk/>
            <pc:sldMk cId="1382177328" sldId="282"/>
            <ac:picMk id="11" creationId="{1828A4A0-C016-4ADB-AEED-E92C80A4FB00}"/>
          </ac:picMkLst>
        </pc:picChg>
        <pc:picChg chg="add del mod">
          <ac:chgData name="Meyers, Cody CDT (EDU)" userId="68ac265e-9a9f-4f92-b31a-0aa84539a4f9" providerId="ADAL" clId="{CE998F34-7A72-40CA-96B9-83738B5010FC}" dt="2021-11-09T03:05:08.339" v="998" actId="21"/>
          <ac:picMkLst>
            <pc:docMk/>
            <pc:sldMk cId="1382177328" sldId="282"/>
            <ac:picMk id="13" creationId="{3C2ACEED-FD7F-4A9F-8E7C-195E543DDD93}"/>
          </ac:picMkLst>
        </pc:picChg>
      </pc:sldChg>
      <pc:sldChg chg="addSp delSp modSp mod">
        <pc:chgData name="Meyers, Cody CDT (EDU)" userId="68ac265e-9a9f-4f92-b31a-0aa84539a4f9" providerId="ADAL" clId="{CE998F34-7A72-40CA-96B9-83738B5010FC}" dt="2021-11-09T03:50:45.410" v="1110" actId="14100"/>
        <pc:sldMkLst>
          <pc:docMk/>
          <pc:sldMk cId="1001279083" sldId="286"/>
        </pc:sldMkLst>
        <pc:spChg chg="mod">
          <ac:chgData name="Meyers, Cody CDT (EDU)" userId="68ac265e-9a9f-4f92-b31a-0aa84539a4f9" providerId="ADAL" clId="{CE998F34-7A72-40CA-96B9-83738B5010FC}" dt="2021-11-09T01:54:34.785" v="304" actId="20577"/>
          <ac:spMkLst>
            <pc:docMk/>
            <pc:sldMk cId="1001279083" sldId="286"/>
            <ac:spMk id="2" creationId="{95F8F1E8-4E42-4AA2-8C49-661C9EEE2DDE}"/>
          </ac:spMkLst>
        </pc:spChg>
        <pc:spChg chg="add del">
          <ac:chgData name="Meyers, Cody CDT (EDU)" userId="68ac265e-9a9f-4f92-b31a-0aa84539a4f9" providerId="ADAL" clId="{CE998F34-7A72-40CA-96B9-83738B5010FC}" dt="2021-11-09T01:54:53.638" v="307" actId="3680"/>
          <ac:spMkLst>
            <pc:docMk/>
            <pc:sldMk cId="1001279083" sldId="286"/>
            <ac:spMk id="3" creationId="{4BC1EB17-17D9-46B5-BB18-29163431A1BD}"/>
          </ac:spMkLst>
        </pc:spChg>
        <pc:graphicFrameChg chg="add del mod ord modGraphic">
          <ac:chgData name="Meyers, Cody CDT (EDU)" userId="68ac265e-9a9f-4f92-b31a-0aa84539a4f9" providerId="ADAL" clId="{CE998F34-7A72-40CA-96B9-83738B5010FC}" dt="2021-11-09T01:54:47.927" v="306" actId="3680"/>
          <ac:graphicFrameMkLst>
            <pc:docMk/>
            <pc:sldMk cId="1001279083" sldId="286"/>
            <ac:graphicFrameMk id="4" creationId="{C3DE343A-09F2-44A7-A96D-CE434C1ED0E9}"/>
          </ac:graphicFrameMkLst>
        </pc:graphicFrameChg>
        <pc:graphicFrameChg chg="add mod ord modGraphic">
          <ac:chgData name="Meyers, Cody CDT (EDU)" userId="68ac265e-9a9f-4f92-b31a-0aa84539a4f9" providerId="ADAL" clId="{CE998F34-7A72-40CA-96B9-83738B5010FC}" dt="2021-11-09T03:50:45.410" v="1110" actId="14100"/>
          <ac:graphicFrameMkLst>
            <pc:docMk/>
            <pc:sldMk cId="1001279083" sldId="286"/>
            <ac:graphicFrameMk id="5" creationId="{5D71770B-C203-4F8D-A448-6270F96F5531}"/>
          </ac:graphicFrameMkLst>
        </pc:graphicFrameChg>
      </pc:sldChg>
      <pc:sldChg chg="addSp delSp modSp mod">
        <pc:chgData name="Meyers, Cody CDT (EDU)" userId="68ac265e-9a9f-4f92-b31a-0aa84539a4f9" providerId="ADAL" clId="{CE998F34-7A72-40CA-96B9-83738B5010FC}" dt="2021-11-09T02:54:46.403" v="938" actId="20577"/>
        <pc:sldMkLst>
          <pc:docMk/>
          <pc:sldMk cId="430956393" sldId="952"/>
        </pc:sldMkLst>
        <pc:spChg chg="mod">
          <ac:chgData name="Meyers, Cody CDT (EDU)" userId="68ac265e-9a9f-4f92-b31a-0aa84539a4f9" providerId="ADAL" clId="{CE998F34-7A72-40CA-96B9-83738B5010FC}" dt="2021-11-09T02:48:23.206" v="879" actId="14100"/>
          <ac:spMkLst>
            <pc:docMk/>
            <pc:sldMk cId="430956393" sldId="952"/>
            <ac:spMk id="182" creationId="{EE857ABE-3412-4F99-BD57-D5ED4E706434}"/>
          </ac:spMkLst>
        </pc:spChg>
        <pc:spChg chg="mod">
          <ac:chgData name="Meyers, Cody CDT (EDU)" userId="68ac265e-9a9f-4f92-b31a-0aa84539a4f9" providerId="ADAL" clId="{CE998F34-7A72-40CA-96B9-83738B5010FC}" dt="2021-11-09T02:48:32.187" v="880" actId="1076"/>
          <ac:spMkLst>
            <pc:docMk/>
            <pc:sldMk cId="430956393" sldId="952"/>
            <ac:spMk id="184" creationId="{E5993D75-AC00-4B00-96C2-4D18D98FCB58}"/>
          </ac:spMkLst>
        </pc:spChg>
        <pc:spChg chg="mod">
          <ac:chgData name="Meyers, Cody CDT (EDU)" userId="68ac265e-9a9f-4f92-b31a-0aa84539a4f9" providerId="ADAL" clId="{CE998F34-7A72-40CA-96B9-83738B5010FC}" dt="2021-11-09T02:49:58.146" v="885" actId="1076"/>
          <ac:spMkLst>
            <pc:docMk/>
            <pc:sldMk cId="430956393" sldId="952"/>
            <ac:spMk id="195" creationId="{04CB000B-872E-4BE0-95A9-7E7111A43D21}"/>
          </ac:spMkLst>
        </pc:spChg>
        <pc:spChg chg="mod">
          <ac:chgData name="Meyers, Cody CDT (EDU)" userId="68ac265e-9a9f-4f92-b31a-0aa84539a4f9" providerId="ADAL" clId="{CE998F34-7A72-40CA-96B9-83738B5010FC}" dt="2021-11-09T02:50:02.838" v="886" actId="1076"/>
          <ac:spMkLst>
            <pc:docMk/>
            <pc:sldMk cId="430956393" sldId="952"/>
            <ac:spMk id="196" creationId="{7C761381-1F51-46C1-9F8F-34CFAA00D90C}"/>
          </ac:spMkLst>
        </pc:spChg>
        <pc:spChg chg="add mod">
          <ac:chgData name="Meyers, Cody CDT (EDU)" userId="68ac265e-9a9f-4f92-b31a-0aa84539a4f9" providerId="ADAL" clId="{CE998F34-7A72-40CA-96B9-83738B5010FC}" dt="2021-11-09T02:51:55.957" v="917" actId="20577"/>
          <ac:spMkLst>
            <pc:docMk/>
            <pc:sldMk cId="430956393" sldId="952"/>
            <ac:spMk id="199" creationId="{AC497AE4-18E7-4389-B96F-C4C656B74CEB}"/>
          </ac:spMkLst>
        </pc:spChg>
        <pc:spChg chg="add del mod">
          <ac:chgData name="Meyers, Cody CDT (EDU)" userId="68ac265e-9a9f-4f92-b31a-0aa84539a4f9" providerId="ADAL" clId="{CE998F34-7A72-40CA-96B9-83738B5010FC}" dt="2021-11-09T02:52:59.090" v="921"/>
          <ac:spMkLst>
            <pc:docMk/>
            <pc:sldMk cId="430956393" sldId="952"/>
            <ac:spMk id="200" creationId="{6C544C4F-1A08-4D02-B717-A274852EB22B}"/>
          </ac:spMkLst>
        </pc:spChg>
        <pc:spChg chg="add mod">
          <ac:chgData name="Meyers, Cody CDT (EDU)" userId="68ac265e-9a9f-4f92-b31a-0aa84539a4f9" providerId="ADAL" clId="{CE998F34-7A72-40CA-96B9-83738B5010FC}" dt="2021-11-09T02:54:46.403" v="938" actId="20577"/>
          <ac:spMkLst>
            <pc:docMk/>
            <pc:sldMk cId="430956393" sldId="952"/>
            <ac:spMk id="201" creationId="{A9DF5F26-D28A-4C25-B274-4FF36D499BCB}"/>
          </ac:spMkLst>
        </pc:spChg>
        <pc:picChg chg="add mod">
          <ac:chgData name="Meyers, Cody CDT (EDU)" userId="68ac265e-9a9f-4f92-b31a-0aa84539a4f9" providerId="ADAL" clId="{CE998F34-7A72-40CA-96B9-83738B5010FC}" dt="2021-11-09T02:49:52.609" v="884" actId="1076"/>
          <ac:picMkLst>
            <pc:docMk/>
            <pc:sldMk cId="430956393" sldId="952"/>
            <ac:picMk id="4" creationId="{2AE762D0-4085-4B85-AA55-09C268139681}"/>
          </ac:picMkLst>
        </pc:picChg>
        <pc:picChg chg="add mod">
          <ac:chgData name="Meyers, Cody CDT (EDU)" userId="68ac265e-9a9f-4f92-b31a-0aa84539a4f9" providerId="ADAL" clId="{CE998F34-7A72-40CA-96B9-83738B5010FC}" dt="2021-11-09T02:52:44.729" v="919" actId="1076"/>
          <ac:picMkLst>
            <pc:docMk/>
            <pc:sldMk cId="430956393" sldId="952"/>
            <ac:picMk id="13" creationId="{25506BE6-F742-4E21-8E5E-08866A37D86F}"/>
          </ac:picMkLst>
        </pc:picChg>
      </pc:sldChg>
    </pc:docChg>
  </pc:docChgLst>
  <pc:docChgLst>
    <pc:chgData name="Kim, Matthew CDT (EDU)" userId="S::matthew.h.kim@uscga.edu::1aa857c3-3d2e-4bbb-a8e5-fc3ecacd8f06" providerId="AD" clId="Web-{39F3249E-448F-664B-4728-263D41C8EC90}"/>
    <pc:docChg chg="modSld">
      <pc:chgData name="Kim, Matthew CDT (EDU)" userId="S::matthew.h.kim@uscga.edu::1aa857c3-3d2e-4bbb-a8e5-fc3ecacd8f06" providerId="AD" clId="Web-{39F3249E-448F-664B-4728-263D41C8EC90}" dt="2021-11-08T18:22:28.101" v="11" actId="20577"/>
      <pc:docMkLst>
        <pc:docMk/>
      </pc:docMkLst>
      <pc:sldChg chg="modSp">
        <pc:chgData name="Kim, Matthew CDT (EDU)" userId="S::matthew.h.kim@uscga.edu::1aa857c3-3d2e-4bbb-a8e5-fc3ecacd8f06" providerId="AD" clId="Web-{39F3249E-448F-664B-4728-263D41C8EC90}" dt="2021-11-08T18:22:28.101" v="11" actId="20577"/>
        <pc:sldMkLst>
          <pc:docMk/>
          <pc:sldMk cId="830143972" sldId="285"/>
        </pc:sldMkLst>
        <pc:spChg chg="mod">
          <ac:chgData name="Kim, Matthew CDT (EDU)" userId="S::matthew.h.kim@uscga.edu::1aa857c3-3d2e-4bbb-a8e5-fc3ecacd8f06" providerId="AD" clId="Web-{39F3249E-448F-664B-4728-263D41C8EC90}" dt="2021-11-08T18:22:28.101" v="11" actId="20577"/>
          <ac:spMkLst>
            <pc:docMk/>
            <pc:sldMk cId="830143972" sldId="285"/>
            <ac:spMk id="2" creationId="{95F8F1E8-4E42-4AA2-8C49-661C9EEE2DDE}"/>
          </ac:spMkLst>
        </pc:spChg>
      </pc:sldChg>
      <pc:sldChg chg="modSp">
        <pc:chgData name="Kim, Matthew CDT (EDU)" userId="S::matthew.h.kim@uscga.edu::1aa857c3-3d2e-4bbb-a8e5-fc3ecacd8f06" providerId="AD" clId="Web-{39F3249E-448F-664B-4728-263D41C8EC90}" dt="2021-11-08T18:22:17.351" v="2" actId="20577"/>
        <pc:sldMkLst>
          <pc:docMk/>
          <pc:sldMk cId="777197450" sldId="287"/>
        </pc:sldMkLst>
        <pc:spChg chg="mod">
          <ac:chgData name="Kim, Matthew CDT (EDU)" userId="S::matthew.h.kim@uscga.edu::1aa857c3-3d2e-4bbb-a8e5-fc3ecacd8f06" providerId="AD" clId="Web-{39F3249E-448F-664B-4728-263D41C8EC90}" dt="2021-11-08T18:22:17.351" v="2" actId="20577"/>
          <ac:spMkLst>
            <pc:docMk/>
            <pc:sldMk cId="777197450" sldId="287"/>
            <ac:spMk id="2" creationId="{95F8F1E8-4E42-4AA2-8C49-661C9EEE2DDE}"/>
          </ac:spMkLst>
        </pc:spChg>
      </pc:sldChg>
    </pc:docChg>
  </pc:docChgLst>
  <pc:docChgLst>
    <pc:chgData name="Kim, Matthew CDT (EDU)" userId="S::matthew.h.kim@uscga.edu::1aa857c3-3d2e-4bbb-a8e5-fc3ecacd8f06" providerId="AD" clId="Web-{35C0F70A-0CD5-5C0F-4605-427D067F40DB}"/>
    <pc:docChg chg="modSld">
      <pc:chgData name="Kim, Matthew CDT (EDU)" userId="S::matthew.h.kim@uscga.edu::1aa857c3-3d2e-4bbb-a8e5-fc3ecacd8f06" providerId="AD" clId="Web-{35C0F70A-0CD5-5C0F-4605-427D067F40DB}" dt="2021-11-09T12:56:16.477" v="931"/>
      <pc:docMkLst>
        <pc:docMk/>
      </pc:docMkLst>
      <pc:sldChg chg="addSp delSp modSp mod setBg modNotes">
        <pc:chgData name="Kim, Matthew CDT (EDU)" userId="S::matthew.h.kim@uscga.edu::1aa857c3-3d2e-4bbb-a8e5-fc3ecacd8f06" providerId="AD" clId="Web-{35C0F70A-0CD5-5C0F-4605-427D067F40DB}" dt="2021-11-09T12:56:16.477" v="931"/>
        <pc:sldMkLst>
          <pc:docMk/>
          <pc:sldMk cId="777197450" sldId="287"/>
        </pc:sldMkLst>
        <pc:spChg chg="mod">
          <ac:chgData name="Kim, Matthew CDT (EDU)" userId="S::matthew.h.kim@uscga.edu::1aa857c3-3d2e-4bbb-a8e5-fc3ecacd8f06" providerId="AD" clId="Web-{35C0F70A-0CD5-5C0F-4605-427D067F40DB}" dt="2021-11-09T03:35:15.758" v="849"/>
          <ac:spMkLst>
            <pc:docMk/>
            <pc:sldMk cId="777197450" sldId="287"/>
            <ac:spMk id="2" creationId="{95F8F1E8-4E42-4AA2-8C49-661C9EEE2DDE}"/>
          </ac:spMkLst>
        </pc:spChg>
        <pc:spChg chg="mod">
          <ac:chgData name="Kim, Matthew CDT (EDU)" userId="S::matthew.h.kim@uscga.edu::1aa857c3-3d2e-4bbb-a8e5-fc3ecacd8f06" providerId="AD" clId="Web-{35C0F70A-0CD5-5C0F-4605-427D067F40DB}" dt="2021-11-09T04:46:40.202" v="866" actId="20577"/>
          <ac:spMkLst>
            <pc:docMk/>
            <pc:sldMk cId="777197450" sldId="287"/>
            <ac:spMk id="3" creationId="{4BC1EB17-17D9-46B5-BB18-29163431A1BD}"/>
          </ac:spMkLst>
        </pc:spChg>
        <pc:spChg chg="add del">
          <ac:chgData name="Kim, Matthew CDT (EDU)" userId="S::matthew.h.kim@uscga.edu::1aa857c3-3d2e-4bbb-a8e5-fc3ecacd8f06" providerId="AD" clId="Web-{35C0F70A-0CD5-5C0F-4605-427D067F40DB}" dt="2021-11-09T03:35:15.758" v="849"/>
          <ac:spMkLst>
            <pc:docMk/>
            <pc:sldMk cId="777197450" sldId="287"/>
            <ac:spMk id="8" creationId="{743AA782-23D1-4521-8CAD-47662984AA08}"/>
          </ac:spMkLst>
        </pc:spChg>
        <pc:spChg chg="add del">
          <ac:chgData name="Kim, Matthew CDT (EDU)" userId="S::matthew.h.kim@uscga.edu::1aa857c3-3d2e-4bbb-a8e5-fc3ecacd8f06" providerId="AD" clId="Web-{35C0F70A-0CD5-5C0F-4605-427D067F40DB}" dt="2021-11-09T03:35:15.758" v="849"/>
          <ac:spMkLst>
            <pc:docMk/>
            <pc:sldMk cId="777197450" sldId="287"/>
            <ac:spMk id="10" creationId="{650D18FE-0824-4A46-B22C-A86B52E5780A}"/>
          </ac:spMkLst>
        </pc:spChg>
        <pc:picChg chg="mod">
          <ac:chgData name="Kim, Matthew CDT (EDU)" userId="S::matthew.h.kim@uscga.edu::1aa857c3-3d2e-4bbb-a8e5-fc3ecacd8f06" providerId="AD" clId="Web-{35C0F70A-0CD5-5C0F-4605-427D067F40DB}" dt="2021-11-09T03:35:15.758" v="849"/>
          <ac:picMkLst>
            <pc:docMk/>
            <pc:sldMk cId="777197450" sldId="287"/>
            <ac:picMk id="4" creationId="{75385CB3-C9AC-4F64-93C0-664A691E3E4B}"/>
          </ac:picMkLst>
        </pc:picChg>
      </pc:sldChg>
      <pc:sldChg chg="modNotes">
        <pc:chgData name="Kim, Matthew CDT (EDU)" userId="S::matthew.h.kim@uscga.edu::1aa857c3-3d2e-4bbb-a8e5-fc3ecacd8f06" providerId="AD" clId="Web-{35C0F70A-0CD5-5C0F-4605-427D067F40DB}" dt="2021-11-09T05:21:38.459" v="879"/>
        <pc:sldMkLst>
          <pc:docMk/>
          <pc:sldMk cId="1635371152" sldId="954"/>
        </pc:sldMkLst>
      </pc:sldChg>
    </pc:docChg>
  </pc:docChgLst>
  <pc:docChgLst>
    <pc:chgData name="Von Brock, Ryan CDT (EDU)" userId="906a1a04-0a10-4aa7-bed1-b7f4598a8a36" providerId="ADAL" clId="{9F82352B-AC4B-4A5F-AB5E-7A48EFDA7CB6}"/>
    <pc:docChg chg="undo redo custSel addSld delSld modSld sldOrd addMainMaster delMainMaster">
      <pc:chgData name="Von Brock, Ryan CDT (EDU)" userId="906a1a04-0a10-4aa7-bed1-b7f4598a8a36" providerId="ADAL" clId="{9F82352B-AC4B-4A5F-AB5E-7A48EFDA7CB6}" dt="2021-11-12T18:43:00.939" v="6110" actId="20577"/>
      <pc:docMkLst>
        <pc:docMk/>
      </pc:docMkLst>
      <pc:sldChg chg="delSp add del mod">
        <pc:chgData name="Von Brock, Ryan CDT (EDU)" userId="906a1a04-0a10-4aa7-bed1-b7f4598a8a36" providerId="ADAL" clId="{9F82352B-AC4B-4A5F-AB5E-7A48EFDA7CB6}" dt="2021-11-08T18:30:47.140" v="2823" actId="2696"/>
        <pc:sldMkLst>
          <pc:docMk/>
          <pc:sldMk cId="2702346399" sldId="256"/>
        </pc:sldMkLst>
        <pc:spChg chg="del">
          <ac:chgData name="Von Brock, Ryan CDT (EDU)" userId="906a1a04-0a10-4aa7-bed1-b7f4598a8a36" providerId="ADAL" clId="{9F82352B-AC4B-4A5F-AB5E-7A48EFDA7CB6}" dt="2021-11-08T18:30:16.736" v="2819" actId="478"/>
          <ac:spMkLst>
            <pc:docMk/>
            <pc:sldMk cId="2702346399" sldId="256"/>
            <ac:spMk id="62" creationId="{7804EE87-00C8-4706-9900-742AAE1EB59E}"/>
          </ac:spMkLst>
        </pc:spChg>
        <pc:spChg chg="del">
          <ac:chgData name="Von Brock, Ryan CDT (EDU)" userId="906a1a04-0a10-4aa7-bed1-b7f4598a8a36" providerId="ADAL" clId="{9F82352B-AC4B-4A5F-AB5E-7A48EFDA7CB6}" dt="2021-11-08T18:30:18.396" v="2820" actId="478"/>
          <ac:spMkLst>
            <pc:docMk/>
            <pc:sldMk cId="2702346399" sldId="256"/>
            <ac:spMk id="72" creationId="{A6B0ED5D-7E98-40BF-8450-BBDF94DDA7B6}"/>
          </ac:spMkLst>
        </pc:spChg>
      </pc:sldChg>
      <pc:sldChg chg="modSp mod addCm delCm modCm">
        <pc:chgData name="Von Brock, Ryan CDT (EDU)" userId="906a1a04-0a10-4aa7-bed1-b7f4598a8a36" providerId="ADAL" clId="{9F82352B-AC4B-4A5F-AB5E-7A48EFDA7CB6}" dt="2021-11-09T04:49:09.372" v="5749" actId="14100"/>
        <pc:sldMkLst>
          <pc:docMk/>
          <pc:sldMk cId="4070126612" sldId="272"/>
        </pc:sldMkLst>
        <pc:spChg chg="mod">
          <ac:chgData name="Von Brock, Ryan CDT (EDU)" userId="906a1a04-0a10-4aa7-bed1-b7f4598a8a36" providerId="ADAL" clId="{9F82352B-AC4B-4A5F-AB5E-7A48EFDA7CB6}" dt="2021-11-08T14:07:48.624" v="723" actId="20577"/>
          <ac:spMkLst>
            <pc:docMk/>
            <pc:sldMk cId="4070126612" sldId="272"/>
            <ac:spMk id="2" creationId="{95F8F1E8-4E42-4AA2-8C49-661C9EEE2DDE}"/>
          </ac:spMkLst>
        </pc:spChg>
        <pc:spChg chg="mod">
          <ac:chgData name="Von Brock, Ryan CDT (EDU)" userId="906a1a04-0a10-4aa7-bed1-b7f4598a8a36" providerId="ADAL" clId="{9F82352B-AC4B-4A5F-AB5E-7A48EFDA7CB6}" dt="2021-11-09T03:48:41.756" v="5502" actId="404"/>
          <ac:spMkLst>
            <pc:docMk/>
            <pc:sldMk cId="4070126612" sldId="272"/>
            <ac:spMk id="3" creationId="{4BC1EB17-17D9-46B5-BB18-29163431A1BD}"/>
          </ac:spMkLst>
        </pc:spChg>
        <pc:spChg chg="mod">
          <ac:chgData name="Von Brock, Ryan CDT (EDU)" userId="906a1a04-0a10-4aa7-bed1-b7f4598a8a36" providerId="ADAL" clId="{9F82352B-AC4B-4A5F-AB5E-7A48EFDA7CB6}" dt="2021-11-09T04:49:09.372" v="5749" actId="14100"/>
          <ac:spMkLst>
            <pc:docMk/>
            <pc:sldMk cId="4070126612" sldId="272"/>
            <ac:spMk id="4" creationId="{D7AEB035-8AEE-41BF-9C7A-04E3434611D7}"/>
          </ac:spMkLst>
        </pc:spChg>
      </pc:sldChg>
      <pc:sldChg chg="modSp mod">
        <pc:chgData name="Von Brock, Ryan CDT (EDU)" userId="906a1a04-0a10-4aa7-bed1-b7f4598a8a36" providerId="ADAL" clId="{9F82352B-AC4B-4A5F-AB5E-7A48EFDA7CB6}" dt="2021-11-09T04:41:14.456" v="5721" actId="20577"/>
        <pc:sldMkLst>
          <pc:docMk/>
          <pc:sldMk cId="2182414673" sldId="274"/>
        </pc:sldMkLst>
        <pc:spChg chg="mod">
          <ac:chgData name="Von Brock, Ryan CDT (EDU)" userId="906a1a04-0a10-4aa7-bed1-b7f4598a8a36" providerId="ADAL" clId="{9F82352B-AC4B-4A5F-AB5E-7A48EFDA7CB6}" dt="2021-11-09T04:41:14.456" v="5721" actId="20577"/>
          <ac:spMkLst>
            <pc:docMk/>
            <pc:sldMk cId="2182414673" sldId="274"/>
            <ac:spMk id="6" creationId="{E274E5DA-7D4B-45D3-8000-E0B685B8F6B9}"/>
          </ac:spMkLst>
        </pc:spChg>
      </pc:sldChg>
      <pc:sldChg chg="addSp delSp modSp mod ord modShow addCm modCm">
        <pc:chgData name="Von Brock, Ryan CDT (EDU)" userId="906a1a04-0a10-4aa7-bed1-b7f4598a8a36" providerId="ADAL" clId="{9F82352B-AC4B-4A5F-AB5E-7A48EFDA7CB6}" dt="2021-11-09T04:16:15.778" v="5691"/>
        <pc:sldMkLst>
          <pc:docMk/>
          <pc:sldMk cId="25455044" sldId="276"/>
        </pc:sldMkLst>
        <pc:spChg chg="mod">
          <ac:chgData name="Von Brock, Ryan CDT (EDU)" userId="906a1a04-0a10-4aa7-bed1-b7f4598a8a36" providerId="ADAL" clId="{9F82352B-AC4B-4A5F-AB5E-7A48EFDA7CB6}" dt="2021-11-08T18:32:19.628" v="2902" actId="2711"/>
          <ac:spMkLst>
            <pc:docMk/>
            <pc:sldMk cId="25455044" sldId="276"/>
            <ac:spMk id="2" creationId="{95F8F1E8-4E42-4AA2-8C49-661C9EEE2DDE}"/>
          </ac:spMkLst>
        </pc:spChg>
        <pc:spChg chg="del">
          <ac:chgData name="Von Brock, Ryan CDT (EDU)" userId="906a1a04-0a10-4aa7-bed1-b7f4598a8a36" providerId="ADAL" clId="{9F82352B-AC4B-4A5F-AB5E-7A48EFDA7CB6}" dt="2021-11-08T18:30:36.456" v="2821" actId="478"/>
          <ac:spMkLst>
            <pc:docMk/>
            <pc:sldMk cId="25455044" sldId="276"/>
            <ac:spMk id="3" creationId="{4BC1EB17-17D9-46B5-BB18-29163431A1BD}"/>
          </ac:spMkLst>
        </pc:spChg>
        <pc:spChg chg="add mod">
          <ac:chgData name="Von Brock, Ryan CDT (EDU)" userId="906a1a04-0a10-4aa7-bed1-b7f4598a8a36" providerId="ADAL" clId="{9F82352B-AC4B-4A5F-AB5E-7A48EFDA7CB6}" dt="2021-11-08T19:58:21.193" v="3826" actId="1076"/>
          <ac:spMkLst>
            <pc:docMk/>
            <pc:sldMk cId="25455044" sldId="276"/>
            <ac:spMk id="4" creationId="{B8724381-E023-484E-A2A6-4C417FCFD2FB}"/>
          </ac:spMkLst>
        </pc:spChg>
        <pc:spChg chg="mod">
          <ac:chgData name="Von Brock, Ryan CDT (EDU)" userId="906a1a04-0a10-4aa7-bed1-b7f4598a8a36" providerId="ADAL" clId="{9F82352B-AC4B-4A5F-AB5E-7A48EFDA7CB6}" dt="2021-11-08T19:18:58.151" v="3516" actId="20577"/>
          <ac:spMkLst>
            <pc:docMk/>
            <pc:sldMk cId="25455044" sldId="276"/>
            <ac:spMk id="8" creationId="{D63342E8-B410-4560-BB53-C17E5BF2970B}"/>
          </ac:spMkLst>
        </pc:spChg>
        <pc:spChg chg="mod">
          <ac:chgData name="Von Brock, Ryan CDT (EDU)" userId="906a1a04-0a10-4aa7-bed1-b7f4598a8a36" providerId="ADAL" clId="{9F82352B-AC4B-4A5F-AB5E-7A48EFDA7CB6}" dt="2021-11-08T18:34:31.220" v="3052" actId="20577"/>
          <ac:spMkLst>
            <pc:docMk/>
            <pc:sldMk cId="25455044" sldId="276"/>
            <ac:spMk id="9" creationId="{03B0D8F5-D69E-4510-99D6-4C7F79F00FF0}"/>
          </ac:spMkLst>
        </pc:spChg>
        <pc:spChg chg="mod">
          <ac:chgData name="Von Brock, Ryan CDT (EDU)" userId="906a1a04-0a10-4aa7-bed1-b7f4598a8a36" providerId="ADAL" clId="{9F82352B-AC4B-4A5F-AB5E-7A48EFDA7CB6}" dt="2021-11-08T18:30:41" v="2822"/>
          <ac:spMkLst>
            <pc:docMk/>
            <pc:sldMk cId="25455044" sldId="276"/>
            <ac:spMk id="10" creationId="{E83F09D8-0FAC-4F4B-9DE3-BF0AF878FE5C}"/>
          </ac:spMkLst>
        </pc:spChg>
        <pc:spChg chg="mod">
          <ac:chgData name="Von Brock, Ryan CDT (EDU)" userId="906a1a04-0a10-4aa7-bed1-b7f4598a8a36" providerId="ADAL" clId="{9F82352B-AC4B-4A5F-AB5E-7A48EFDA7CB6}" dt="2021-11-08T18:30:41" v="2822"/>
          <ac:spMkLst>
            <pc:docMk/>
            <pc:sldMk cId="25455044" sldId="276"/>
            <ac:spMk id="11" creationId="{43BAECBF-B3F4-4C54-91BA-FAD7EE20F5F4}"/>
          </ac:spMkLst>
        </pc:spChg>
        <pc:spChg chg="mod">
          <ac:chgData name="Von Brock, Ryan CDT (EDU)" userId="906a1a04-0a10-4aa7-bed1-b7f4598a8a36" providerId="ADAL" clId="{9F82352B-AC4B-4A5F-AB5E-7A48EFDA7CB6}" dt="2021-11-08T18:30:41" v="2822"/>
          <ac:spMkLst>
            <pc:docMk/>
            <pc:sldMk cId="25455044" sldId="276"/>
            <ac:spMk id="12" creationId="{505D7D33-B1CC-4991-A88D-00325BC0BEDC}"/>
          </ac:spMkLst>
        </pc:spChg>
        <pc:spChg chg="mod">
          <ac:chgData name="Von Brock, Ryan CDT (EDU)" userId="906a1a04-0a10-4aa7-bed1-b7f4598a8a36" providerId="ADAL" clId="{9F82352B-AC4B-4A5F-AB5E-7A48EFDA7CB6}" dt="2021-11-08T18:30:41" v="2822"/>
          <ac:spMkLst>
            <pc:docMk/>
            <pc:sldMk cId="25455044" sldId="276"/>
            <ac:spMk id="13" creationId="{9E30ACE9-94B1-40B6-810D-B0C4E70FF5BD}"/>
          </ac:spMkLst>
        </pc:spChg>
        <pc:spChg chg="mod">
          <ac:chgData name="Von Brock, Ryan CDT (EDU)" userId="906a1a04-0a10-4aa7-bed1-b7f4598a8a36" providerId="ADAL" clId="{9F82352B-AC4B-4A5F-AB5E-7A48EFDA7CB6}" dt="2021-11-08T19:20:13.257" v="3709" actId="20577"/>
          <ac:spMkLst>
            <pc:docMk/>
            <pc:sldMk cId="25455044" sldId="276"/>
            <ac:spMk id="17" creationId="{39EC7B2A-4959-4B01-9A3A-13291EA184AC}"/>
          </ac:spMkLst>
        </pc:spChg>
        <pc:spChg chg="mod">
          <ac:chgData name="Von Brock, Ryan CDT (EDU)" userId="906a1a04-0a10-4aa7-bed1-b7f4598a8a36" providerId="ADAL" clId="{9F82352B-AC4B-4A5F-AB5E-7A48EFDA7CB6}" dt="2021-11-08T18:32:19.628" v="2902" actId="2711"/>
          <ac:spMkLst>
            <pc:docMk/>
            <pc:sldMk cId="25455044" sldId="276"/>
            <ac:spMk id="18" creationId="{6A52FFCA-4556-41F9-9E4A-2D4D7823F629}"/>
          </ac:spMkLst>
        </pc:spChg>
        <pc:spChg chg="mod">
          <ac:chgData name="Von Brock, Ryan CDT (EDU)" userId="906a1a04-0a10-4aa7-bed1-b7f4598a8a36" providerId="ADAL" clId="{9F82352B-AC4B-4A5F-AB5E-7A48EFDA7CB6}" dt="2021-11-08T18:30:41" v="2822"/>
          <ac:spMkLst>
            <pc:docMk/>
            <pc:sldMk cId="25455044" sldId="276"/>
            <ac:spMk id="19" creationId="{FCE85887-7E01-4669-90FE-6F2CB9E59009}"/>
          </ac:spMkLst>
        </pc:spChg>
        <pc:spChg chg="mod">
          <ac:chgData name="Von Brock, Ryan CDT (EDU)" userId="906a1a04-0a10-4aa7-bed1-b7f4598a8a36" providerId="ADAL" clId="{9F82352B-AC4B-4A5F-AB5E-7A48EFDA7CB6}" dt="2021-11-08T18:30:41" v="2822"/>
          <ac:spMkLst>
            <pc:docMk/>
            <pc:sldMk cId="25455044" sldId="276"/>
            <ac:spMk id="20" creationId="{371CE905-4C6B-4D5B-BE9B-4509D9A84F1E}"/>
          </ac:spMkLst>
        </pc:spChg>
        <pc:spChg chg="mod">
          <ac:chgData name="Von Brock, Ryan CDT (EDU)" userId="906a1a04-0a10-4aa7-bed1-b7f4598a8a36" providerId="ADAL" clId="{9F82352B-AC4B-4A5F-AB5E-7A48EFDA7CB6}" dt="2021-11-08T18:30:41" v="2822"/>
          <ac:spMkLst>
            <pc:docMk/>
            <pc:sldMk cId="25455044" sldId="276"/>
            <ac:spMk id="21" creationId="{15B3E726-14C0-450D-806A-4FFA4D23EC25}"/>
          </ac:spMkLst>
        </pc:spChg>
        <pc:spChg chg="mod">
          <ac:chgData name="Von Brock, Ryan CDT (EDU)" userId="906a1a04-0a10-4aa7-bed1-b7f4598a8a36" providerId="ADAL" clId="{9F82352B-AC4B-4A5F-AB5E-7A48EFDA7CB6}" dt="2021-11-08T18:30:41" v="2822"/>
          <ac:spMkLst>
            <pc:docMk/>
            <pc:sldMk cId="25455044" sldId="276"/>
            <ac:spMk id="22" creationId="{F3290153-3A60-41B8-88B9-51313C469365}"/>
          </ac:spMkLst>
        </pc:spChg>
        <pc:spChg chg="mod">
          <ac:chgData name="Von Brock, Ryan CDT (EDU)" userId="906a1a04-0a10-4aa7-bed1-b7f4598a8a36" providerId="ADAL" clId="{9F82352B-AC4B-4A5F-AB5E-7A48EFDA7CB6}" dt="2021-11-08T18:32:19.628" v="2902" actId="2711"/>
          <ac:spMkLst>
            <pc:docMk/>
            <pc:sldMk cId="25455044" sldId="276"/>
            <ac:spMk id="26" creationId="{0AE141AA-A0A6-44C7-A15F-DC4D8D8B1CA3}"/>
          </ac:spMkLst>
        </pc:spChg>
        <pc:spChg chg="mod">
          <ac:chgData name="Von Brock, Ryan CDT (EDU)" userId="906a1a04-0a10-4aa7-bed1-b7f4598a8a36" providerId="ADAL" clId="{9F82352B-AC4B-4A5F-AB5E-7A48EFDA7CB6}" dt="2021-11-08T18:32:19.628" v="2902" actId="2711"/>
          <ac:spMkLst>
            <pc:docMk/>
            <pc:sldMk cId="25455044" sldId="276"/>
            <ac:spMk id="27" creationId="{E09E545D-603C-4381-9130-2432E2650076}"/>
          </ac:spMkLst>
        </pc:spChg>
        <pc:spChg chg="mod">
          <ac:chgData name="Von Brock, Ryan CDT (EDU)" userId="906a1a04-0a10-4aa7-bed1-b7f4598a8a36" providerId="ADAL" clId="{9F82352B-AC4B-4A5F-AB5E-7A48EFDA7CB6}" dt="2021-11-08T18:30:41" v="2822"/>
          <ac:spMkLst>
            <pc:docMk/>
            <pc:sldMk cId="25455044" sldId="276"/>
            <ac:spMk id="28" creationId="{B1742645-9CC3-4431-ABA5-8720B990A4CF}"/>
          </ac:spMkLst>
        </pc:spChg>
        <pc:spChg chg="mod">
          <ac:chgData name="Von Brock, Ryan CDT (EDU)" userId="906a1a04-0a10-4aa7-bed1-b7f4598a8a36" providerId="ADAL" clId="{9F82352B-AC4B-4A5F-AB5E-7A48EFDA7CB6}" dt="2021-11-08T18:30:41" v="2822"/>
          <ac:spMkLst>
            <pc:docMk/>
            <pc:sldMk cId="25455044" sldId="276"/>
            <ac:spMk id="29" creationId="{1D540BEB-2EFD-4E89-A14B-EE2639C1B562}"/>
          </ac:spMkLst>
        </pc:spChg>
        <pc:spChg chg="mod">
          <ac:chgData name="Von Brock, Ryan CDT (EDU)" userId="906a1a04-0a10-4aa7-bed1-b7f4598a8a36" providerId="ADAL" clId="{9F82352B-AC4B-4A5F-AB5E-7A48EFDA7CB6}" dt="2021-11-08T18:30:41" v="2822"/>
          <ac:spMkLst>
            <pc:docMk/>
            <pc:sldMk cId="25455044" sldId="276"/>
            <ac:spMk id="30" creationId="{2AE1396D-C1BC-4872-84A2-B45ECCA076F0}"/>
          </ac:spMkLst>
        </pc:spChg>
        <pc:spChg chg="mod">
          <ac:chgData name="Von Brock, Ryan CDT (EDU)" userId="906a1a04-0a10-4aa7-bed1-b7f4598a8a36" providerId="ADAL" clId="{9F82352B-AC4B-4A5F-AB5E-7A48EFDA7CB6}" dt="2021-11-08T18:30:41" v="2822"/>
          <ac:spMkLst>
            <pc:docMk/>
            <pc:sldMk cId="25455044" sldId="276"/>
            <ac:spMk id="31" creationId="{892E924D-887D-4C8A-A351-02D8E62C61E5}"/>
          </ac:spMkLst>
        </pc:spChg>
        <pc:spChg chg="mod">
          <ac:chgData name="Von Brock, Ryan CDT (EDU)" userId="906a1a04-0a10-4aa7-bed1-b7f4598a8a36" providerId="ADAL" clId="{9F82352B-AC4B-4A5F-AB5E-7A48EFDA7CB6}" dt="2021-11-08T19:19:55.315" v="3670" actId="20577"/>
          <ac:spMkLst>
            <pc:docMk/>
            <pc:sldMk cId="25455044" sldId="276"/>
            <ac:spMk id="35" creationId="{56963D46-19FE-491D-BC97-A2F5A3645332}"/>
          </ac:spMkLst>
        </pc:spChg>
        <pc:spChg chg="mod">
          <ac:chgData name="Von Brock, Ryan CDT (EDU)" userId="906a1a04-0a10-4aa7-bed1-b7f4598a8a36" providerId="ADAL" clId="{9F82352B-AC4B-4A5F-AB5E-7A48EFDA7CB6}" dt="2021-11-08T18:32:19.628" v="2902" actId="2711"/>
          <ac:spMkLst>
            <pc:docMk/>
            <pc:sldMk cId="25455044" sldId="276"/>
            <ac:spMk id="36" creationId="{6854CD40-94C5-4873-B9ED-278D418FF51A}"/>
          </ac:spMkLst>
        </pc:spChg>
        <pc:spChg chg="mod">
          <ac:chgData name="Von Brock, Ryan CDT (EDU)" userId="906a1a04-0a10-4aa7-bed1-b7f4598a8a36" providerId="ADAL" clId="{9F82352B-AC4B-4A5F-AB5E-7A48EFDA7CB6}" dt="2021-11-08T18:30:41" v="2822"/>
          <ac:spMkLst>
            <pc:docMk/>
            <pc:sldMk cId="25455044" sldId="276"/>
            <ac:spMk id="37" creationId="{3D8E4AAC-E839-48B8-B4FD-46F8EC0A0109}"/>
          </ac:spMkLst>
        </pc:spChg>
        <pc:spChg chg="mod">
          <ac:chgData name="Von Brock, Ryan CDT (EDU)" userId="906a1a04-0a10-4aa7-bed1-b7f4598a8a36" providerId="ADAL" clId="{9F82352B-AC4B-4A5F-AB5E-7A48EFDA7CB6}" dt="2021-11-08T18:30:41" v="2822"/>
          <ac:spMkLst>
            <pc:docMk/>
            <pc:sldMk cId="25455044" sldId="276"/>
            <ac:spMk id="38" creationId="{88B32CE7-121D-4682-86C9-C319D8A9F243}"/>
          </ac:spMkLst>
        </pc:spChg>
        <pc:spChg chg="mod">
          <ac:chgData name="Von Brock, Ryan CDT (EDU)" userId="906a1a04-0a10-4aa7-bed1-b7f4598a8a36" providerId="ADAL" clId="{9F82352B-AC4B-4A5F-AB5E-7A48EFDA7CB6}" dt="2021-11-08T18:30:41" v="2822"/>
          <ac:spMkLst>
            <pc:docMk/>
            <pc:sldMk cId="25455044" sldId="276"/>
            <ac:spMk id="39" creationId="{1C3BA29F-FCAF-463C-94DB-3B8B64150401}"/>
          </ac:spMkLst>
        </pc:spChg>
        <pc:spChg chg="mod">
          <ac:chgData name="Von Brock, Ryan CDT (EDU)" userId="906a1a04-0a10-4aa7-bed1-b7f4598a8a36" providerId="ADAL" clId="{9F82352B-AC4B-4A5F-AB5E-7A48EFDA7CB6}" dt="2021-11-08T18:30:41" v="2822"/>
          <ac:spMkLst>
            <pc:docMk/>
            <pc:sldMk cId="25455044" sldId="276"/>
            <ac:spMk id="40" creationId="{2DA044B0-EFFE-4584-8EFD-8BE5030C47D1}"/>
          </ac:spMkLst>
        </pc:spChg>
        <pc:spChg chg="mod">
          <ac:chgData name="Von Brock, Ryan CDT (EDU)" userId="906a1a04-0a10-4aa7-bed1-b7f4598a8a36" providerId="ADAL" clId="{9F82352B-AC4B-4A5F-AB5E-7A48EFDA7CB6}" dt="2021-11-08T19:20:49.217" v="3772" actId="20577"/>
          <ac:spMkLst>
            <pc:docMk/>
            <pc:sldMk cId="25455044" sldId="276"/>
            <ac:spMk id="44" creationId="{15091C4A-C47A-4B61-969D-89C602900545}"/>
          </ac:spMkLst>
        </pc:spChg>
        <pc:spChg chg="mod">
          <ac:chgData name="Von Brock, Ryan CDT (EDU)" userId="906a1a04-0a10-4aa7-bed1-b7f4598a8a36" providerId="ADAL" clId="{9F82352B-AC4B-4A5F-AB5E-7A48EFDA7CB6}" dt="2021-11-08T18:32:19.628" v="2902" actId="2711"/>
          <ac:spMkLst>
            <pc:docMk/>
            <pc:sldMk cId="25455044" sldId="276"/>
            <ac:spMk id="45" creationId="{B6E1B5AD-FA71-463F-9AC1-D9085731A62E}"/>
          </ac:spMkLst>
        </pc:spChg>
        <pc:spChg chg="mod">
          <ac:chgData name="Von Brock, Ryan CDT (EDU)" userId="906a1a04-0a10-4aa7-bed1-b7f4598a8a36" providerId="ADAL" clId="{9F82352B-AC4B-4A5F-AB5E-7A48EFDA7CB6}" dt="2021-11-08T18:30:41" v="2822"/>
          <ac:spMkLst>
            <pc:docMk/>
            <pc:sldMk cId="25455044" sldId="276"/>
            <ac:spMk id="46" creationId="{5B8D85E5-8463-401D-93AE-23ABC81A8232}"/>
          </ac:spMkLst>
        </pc:spChg>
        <pc:spChg chg="mod">
          <ac:chgData name="Von Brock, Ryan CDT (EDU)" userId="906a1a04-0a10-4aa7-bed1-b7f4598a8a36" providerId="ADAL" clId="{9F82352B-AC4B-4A5F-AB5E-7A48EFDA7CB6}" dt="2021-11-08T18:30:41" v="2822"/>
          <ac:spMkLst>
            <pc:docMk/>
            <pc:sldMk cId="25455044" sldId="276"/>
            <ac:spMk id="47" creationId="{C44C7E2F-13A9-454D-8D36-6FF68019A2C5}"/>
          </ac:spMkLst>
        </pc:spChg>
        <pc:spChg chg="mod">
          <ac:chgData name="Von Brock, Ryan CDT (EDU)" userId="906a1a04-0a10-4aa7-bed1-b7f4598a8a36" providerId="ADAL" clId="{9F82352B-AC4B-4A5F-AB5E-7A48EFDA7CB6}" dt="2021-11-08T18:30:41" v="2822"/>
          <ac:spMkLst>
            <pc:docMk/>
            <pc:sldMk cId="25455044" sldId="276"/>
            <ac:spMk id="48" creationId="{6850FA90-9C3C-448C-8E83-E8E9A25CC10C}"/>
          </ac:spMkLst>
        </pc:spChg>
        <pc:spChg chg="mod">
          <ac:chgData name="Von Brock, Ryan CDT (EDU)" userId="906a1a04-0a10-4aa7-bed1-b7f4598a8a36" providerId="ADAL" clId="{9F82352B-AC4B-4A5F-AB5E-7A48EFDA7CB6}" dt="2021-11-08T18:30:41" v="2822"/>
          <ac:spMkLst>
            <pc:docMk/>
            <pc:sldMk cId="25455044" sldId="276"/>
            <ac:spMk id="49" creationId="{0E8B0538-4675-476C-868F-F7BDCA62E84A}"/>
          </ac:spMkLst>
        </pc:spChg>
        <pc:spChg chg="mod">
          <ac:chgData name="Von Brock, Ryan CDT (EDU)" userId="906a1a04-0a10-4aa7-bed1-b7f4598a8a36" providerId="ADAL" clId="{9F82352B-AC4B-4A5F-AB5E-7A48EFDA7CB6}" dt="2021-11-08T18:33:39.708" v="2999" actId="20577"/>
          <ac:spMkLst>
            <pc:docMk/>
            <pc:sldMk cId="25455044" sldId="276"/>
            <ac:spMk id="53" creationId="{1B64F113-941D-43B4-9B5B-CE90754B5FB3}"/>
          </ac:spMkLst>
        </pc:spChg>
        <pc:spChg chg="mod">
          <ac:chgData name="Von Brock, Ryan CDT (EDU)" userId="906a1a04-0a10-4aa7-bed1-b7f4598a8a36" providerId="ADAL" clId="{9F82352B-AC4B-4A5F-AB5E-7A48EFDA7CB6}" dt="2021-11-08T18:34:37.087" v="3055" actId="6549"/>
          <ac:spMkLst>
            <pc:docMk/>
            <pc:sldMk cId="25455044" sldId="276"/>
            <ac:spMk id="54" creationId="{1D90313B-13BA-4F3C-A44F-F54571CED33C}"/>
          </ac:spMkLst>
        </pc:spChg>
        <pc:spChg chg="mod">
          <ac:chgData name="Von Brock, Ryan CDT (EDU)" userId="906a1a04-0a10-4aa7-bed1-b7f4598a8a36" providerId="ADAL" clId="{9F82352B-AC4B-4A5F-AB5E-7A48EFDA7CB6}" dt="2021-11-08T18:30:41" v="2822"/>
          <ac:spMkLst>
            <pc:docMk/>
            <pc:sldMk cId="25455044" sldId="276"/>
            <ac:spMk id="55" creationId="{3DCF07A2-7F1A-4269-BD21-A1C239D4780B}"/>
          </ac:spMkLst>
        </pc:spChg>
        <pc:spChg chg="mod">
          <ac:chgData name="Von Brock, Ryan CDT (EDU)" userId="906a1a04-0a10-4aa7-bed1-b7f4598a8a36" providerId="ADAL" clId="{9F82352B-AC4B-4A5F-AB5E-7A48EFDA7CB6}" dt="2021-11-08T18:30:41" v="2822"/>
          <ac:spMkLst>
            <pc:docMk/>
            <pc:sldMk cId="25455044" sldId="276"/>
            <ac:spMk id="56" creationId="{95F47994-B798-40E1-A291-CB5C23D713FA}"/>
          </ac:spMkLst>
        </pc:spChg>
        <pc:spChg chg="mod">
          <ac:chgData name="Von Brock, Ryan CDT (EDU)" userId="906a1a04-0a10-4aa7-bed1-b7f4598a8a36" providerId="ADAL" clId="{9F82352B-AC4B-4A5F-AB5E-7A48EFDA7CB6}" dt="2021-11-08T18:30:41" v="2822"/>
          <ac:spMkLst>
            <pc:docMk/>
            <pc:sldMk cId="25455044" sldId="276"/>
            <ac:spMk id="57" creationId="{BCD6ACDA-A8A2-4F57-BDBB-28D245B8769A}"/>
          </ac:spMkLst>
        </pc:spChg>
        <pc:spChg chg="mod">
          <ac:chgData name="Von Brock, Ryan CDT (EDU)" userId="906a1a04-0a10-4aa7-bed1-b7f4598a8a36" providerId="ADAL" clId="{9F82352B-AC4B-4A5F-AB5E-7A48EFDA7CB6}" dt="2021-11-08T18:30:41" v="2822"/>
          <ac:spMkLst>
            <pc:docMk/>
            <pc:sldMk cId="25455044" sldId="276"/>
            <ac:spMk id="58" creationId="{8B59B8CC-20E8-4D28-B04C-ED4F16E81EC6}"/>
          </ac:spMkLst>
        </pc:spChg>
        <pc:grpChg chg="add mod">
          <ac:chgData name="Von Brock, Ryan CDT (EDU)" userId="906a1a04-0a10-4aa7-bed1-b7f4598a8a36" providerId="ADAL" clId="{9F82352B-AC4B-4A5F-AB5E-7A48EFDA7CB6}" dt="2021-11-08T18:30:41" v="2822"/>
          <ac:grpSpMkLst>
            <pc:docMk/>
            <pc:sldMk cId="25455044" sldId="276"/>
            <ac:grpSpMk id="5" creationId="{7925A798-5DCA-4838-9F54-B75022ED4300}"/>
          </ac:grpSpMkLst>
        </pc:grpChg>
        <pc:grpChg chg="mod">
          <ac:chgData name="Von Brock, Ryan CDT (EDU)" userId="906a1a04-0a10-4aa7-bed1-b7f4598a8a36" providerId="ADAL" clId="{9F82352B-AC4B-4A5F-AB5E-7A48EFDA7CB6}" dt="2021-11-08T18:30:41" v="2822"/>
          <ac:grpSpMkLst>
            <pc:docMk/>
            <pc:sldMk cId="25455044" sldId="276"/>
            <ac:grpSpMk id="6" creationId="{9D3633B5-56D8-4403-A4F1-B11E215729B5}"/>
          </ac:grpSpMkLst>
        </pc:grpChg>
        <pc:grpChg chg="mod">
          <ac:chgData name="Von Brock, Ryan CDT (EDU)" userId="906a1a04-0a10-4aa7-bed1-b7f4598a8a36" providerId="ADAL" clId="{9F82352B-AC4B-4A5F-AB5E-7A48EFDA7CB6}" dt="2021-11-08T18:30:41" v="2822"/>
          <ac:grpSpMkLst>
            <pc:docMk/>
            <pc:sldMk cId="25455044" sldId="276"/>
            <ac:grpSpMk id="7" creationId="{F6A6E3AE-2B68-464D-BD1D-C6644E3A4CE6}"/>
          </ac:grpSpMkLst>
        </pc:grpChg>
        <pc:grpChg chg="add mod">
          <ac:chgData name="Von Brock, Ryan CDT (EDU)" userId="906a1a04-0a10-4aa7-bed1-b7f4598a8a36" providerId="ADAL" clId="{9F82352B-AC4B-4A5F-AB5E-7A48EFDA7CB6}" dt="2021-11-08T18:30:41" v="2822"/>
          <ac:grpSpMkLst>
            <pc:docMk/>
            <pc:sldMk cId="25455044" sldId="276"/>
            <ac:grpSpMk id="14" creationId="{CF1C6602-7F2A-44B2-8B33-76198A9CFBBC}"/>
          </ac:grpSpMkLst>
        </pc:grpChg>
        <pc:grpChg chg="mod">
          <ac:chgData name="Von Brock, Ryan CDT (EDU)" userId="906a1a04-0a10-4aa7-bed1-b7f4598a8a36" providerId="ADAL" clId="{9F82352B-AC4B-4A5F-AB5E-7A48EFDA7CB6}" dt="2021-11-08T18:30:41" v="2822"/>
          <ac:grpSpMkLst>
            <pc:docMk/>
            <pc:sldMk cId="25455044" sldId="276"/>
            <ac:grpSpMk id="15" creationId="{11A6F997-AA95-4FDF-9018-100ED86409A1}"/>
          </ac:grpSpMkLst>
        </pc:grpChg>
        <pc:grpChg chg="mod">
          <ac:chgData name="Von Brock, Ryan CDT (EDU)" userId="906a1a04-0a10-4aa7-bed1-b7f4598a8a36" providerId="ADAL" clId="{9F82352B-AC4B-4A5F-AB5E-7A48EFDA7CB6}" dt="2021-11-08T18:30:41" v="2822"/>
          <ac:grpSpMkLst>
            <pc:docMk/>
            <pc:sldMk cId="25455044" sldId="276"/>
            <ac:grpSpMk id="16" creationId="{433882E7-AC07-45C2-A95B-347B71E1DF8E}"/>
          </ac:grpSpMkLst>
        </pc:grpChg>
        <pc:grpChg chg="add mod">
          <ac:chgData name="Von Brock, Ryan CDT (EDU)" userId="906a1a04-0a10-4aa7-bed1-b7f4598a8a36" providerId="ADAL" clId="{9F82352B-AC4B-4A5F-AB5E-7A48EFDA7CB6}" dt="2021-11-08T18:30:41" v="2822"/>
          <ac:grpSpMkLst>
            <pc:docMk/>
            <pc:sldMk cId="25455044" sldId="276"/>
            <ac:grpSpMk id="23" creationId="{0E3AADEC-1DFF-4854-AF65-F4793C178919}"/>
          </ac:grpSpMkLst>
        </pc:grpChg>
        <pc:grpChg chg="mod">
          <ac:chgData name="Von Brock, Ryan CDT (EDU)" userId="906a1a04-0a10-4aa7-bed1-b7f4598a8a36" providerId="ADAL" clId="{9F82352B-AC4B-4A5F-AB5E-7A48EFDA7CB6}" dt="2021-11-08T18:30:41" v="2822"/>
          <ac:grpSpMkLst>
            <pc:docMk/>
            <pc:sldMk cId="25455044" sldId="276"/>
            <ac:grpSpMk id="24" creationId="{AE2C6D02-81B2-4BCE-BAF3-2E01B3C6DEE5}"/>
          </ac:grpSpMkLst>
        </pc:grpChg>
        <pc:grpChg chg="mod">
          <ac:chgData name="Von Brock, Ryan CDT (EDU)" userId="906a1a04-0a10-4aa7-bed1-b7f4598a8a36" providerId="ADAL" clId="{9F82352B-AC4B-4A5F-AB5E-7A48EFDA7CB6}" dt="2021-11-08T18:30:41" v="2822"/>
          <ac:grpSpMkLst>
            <pc:docMk/>
            <pc:sldMk cId="25455044" sldId="276"/>
            <ac:grpSpMk id="25" creationId="{A0A94167-0E74-4ED0-9DB8-739CC6B1BC96}"/>
          </ac:grpSpMkLst>
        </pc:grpChg>
        <pc:grpChg chg="add mod">
          <ac:chgData name="Von Brock, Ryan CDT (EDU)" userId="906a1a04-0a10-4aa7-bed1-b7f4598a8a36" providerId="ADAL" clId="{9F82352B-AC4B-4A5F-AB5E-7A48EFDA7CB6}" dt="2021-11-08T18:30:41" v="2822"/>
          <ac:grpSpMkLst>
            <pc:docMk/>
            <pc:sldMk cId="25455044" sldId="276"/>
            <ac:grpSpMk id="32" creationId="{C0AD64E8-3F54-44AA-A8FD-104ED734AB62}"/>
          </ac:grpSpMkLst>
        </pc:grpChg>
        <pc:grpChg chg="mod">
          <ac:chgData name="Von Brock, Ryan CDT (EDU)" userId="906a1a04-0a10-4aa7-bed1-b7f4598a8a36" providerId="ADAL" clId="{9F82352B-AC4B-4A5F-AB5E-7A48EFDA7CB6}" dt="2021-11-08T18:30:41" v="2822"/>
          <ac:grpSpMkLst>
            <pc:docMk/>
            <pc:sldMk cId="25455044" sldId="276"/>
            <ac:grpSpMk id="33" creationId="{59A2259B-9826-4CBC-BD83-66706EDCD562}"/>
          </ac:grpSpMkLst>
        </pc:grpChg>
        <pc:grpChg chg="mod">
          <ac:chgData name="Von Brock, Ryan CDT (EDU)" userId="906a1a04-0a10-4aa7-bed1-b7f4598a8a36" providerId="ADAL" clId="{9F82352B-AC4B-4A5F-AB5E-7A48EFDA7CB6}" dt="2021-11-08T18:30:41" v="2822"/>
          <ac:grpSpMkLst>
            <pc:docMk/>
            <pc:sldMk cId="25455044" sldId="276"/>
            <ac:grpSpMk id="34" creationId="{022303C1-5AAE-46D7-BE6E-21B484DC202A}"/>
          </ac:grpSpMkLst>
        </pc:grpChg>
        <pc:grpChg chg="add mod">
          <ac:chgData name="Von Brock, Ryan CDT (EDU)" userId="906a1a04-0a10-4aa7-bed1-b7f4598a8a36" providerId="ADAL" clId="{9F82352B-AC4B-4A5F-AB5E-7A48EFDA7CB6}" dt="2021-11-08T18:30:41" v="2822"/>
          <ac:grpSpMkLst>
            <pc:docMk/>
            <pc:sldMk cId="25455044" sldId="276"/>
            <ac:grpSpMk id="41" creationId="{26C5A442-DAEB-4551-BCA8-F33B12C782A7}"/>
          </ac:grpSpMkLst>
        </pc:grpChg>
        <pc:grpChg chg="mod">
          <ac:chgData name="Von Brock, Ryan CDT (EDU)" userId="906a1a04-0a10-4aa7-bed1-b7f4598a8a36" providerId="ADAL" clId="{9F82352B-AC4B-4A5F-AB5E-7A48EFDA7CB6}" dt="2021-11-08T18:30:41" v="2822"/>
          <ac:grpSpMkLst>
            <pc:docMk/>
            <pc:sldMk cId="25455044" sldId="276"/>
            <ac:grpSpMk id="42" creationId="{B3FB5052-7180-4DE5-BB24-8C72699E8067}"/>
          </ac:grpSpMkLst>
        </pc:grpChg>
        <pc:grpChg chg="mod">
          <ac:chgData name="Von Brock, Ryan CDT (EDU)" userId="906a1a04-0a10-4aa7-bed1-b7f4598a8a36" providerId="ADAL" clId="{9F82352B-AC4B-4A5F-AB5E-7A48EFDA7CB6}" dt="2021-11-08T18:30:41" v="2822"/>
          <ac:grpSpMkLst>
            <pc:docMk/>
            <pc:sldMk cId="25455044" sldId="276"/>
            <ac:grpSpMk id="43" creationId="{92E62418-39D6-40FA-870C-B1B772E441AB}"/>
          </ac:grpSpMkLst>
        </pc:grpChg>
        <pc:grpChg chg="add mod">
          <ac:chgData name="Von Brock, Ryan CDT (EDU)" userId="906a1a04-0a10-4aa7-bed1-b7f4598a8a36" providerId="ADAL" clId="{9F82352B-AC4B-4A5F-AB5E-7A48EFDA7CB6}" dt="2021-11-08T19:58:27.695" v="3828" actId="1076"/>
          <ac:grpSpMkLst>
            <pc:docMk/>
            <pc:sldMk cId="25455044" sldId="276"/>
            <ac:grpSpMk id="50" creationId="{1D10FAA4-E624-4261-A141-DAB88EC92A56}"/>
          </ac:grpSpMkLst>
        </pc:grpChg>
        <pc:grpChg chg="mod">
          <ac:chgData name="Von Brock, Ryan CDT (EDU)" userId="906a1a04-0a10-4aa7-bed1-b7f4598a8a36" providerId="ADAL" clId="{9F82352B-AC4B-4A5F-AB5E-7A48EFDA7CB6}" dt="2021-11-08T18:30:41" v="2822"/>
          <ac:grpSpMkLst>
            <pc:docMk/>
            <pc:sldMk cId="25455044" sldId="276"/>
            <ac:grpSpMk id="51" creationId="{50F767FB-C030-402A-B4EF-CD81CD763161}"/>
          </ac:grpSpMkLst>
        </pc:grpChg>
        <pc:grpChg chg="mod">
          <ac:chgData name="Von Brock, Ryan CDT (EDU)" userId="906a1a04-0a10-4aa7-bed1-b7f4598a8a36" providerId="ADAL" clId="{9F82352B-AC4B-4A5F-AB5E-7A48EFDA7CB6}" dt="2021-11-08T18:30:41" v="2822"/>
          <ac:grpSpMkLst>
            <pc:docMk/>
            <pc:sldMk cId="25455044" sldId="276"/>
            <ac:grpSpMk id="52" creationId="{E0B1BA2B-A637-44C8-8AEB-39F07BC76916}"/>
          </ac:grpSpMkLst>
        </pc:grpChg>
      </pc:sldChg>
      <pc:sldChg chg="modSp new del mod ord">
        <pc:chgData name="Von Brock, Ryan CDT (EDU)" userId="906a1a04-0a10-4aa7-bed1-b7f4598a8a36" providerId="ADAL" clId="{9F82352B-AC4B-4A5F-AB5E-7A48EFDA7CB6}" dt="2021-11-09T01:32:48.122" v="4403" actId="2696"/>
        <pc:sldMkLst>
          <pc:docMk/>
          <pc:sldMk cId="341688564" sldId="277"/>
        </pc:sldMkLst>
        <pc:spChg chg="mod">
          <ac:chgData name="Von Brock, Ryan CDT (EDU)" userId="906a1a04-0a10-4aa7-bed1-b7f4598a8a36" providerId="ADAL" clId="{9F82352B-AC4B-4A5F-AB5E-7A48EFDA7CB6}" dt="2021-11-08T13:58:21.379" v="167" actId="207"/>
          <ac:spMkLst>
            <pc:docMk/>
            <pc:sldMk cId="341688564" sldId="277"/>
            <ac:spMk id="2" creationId="{5132B2C2-3651-4DF9-B49F-12AAAA30A249}"/>
          </ac:spMkLst>
        </pc:spChg>
        <pc:spChg chg="mod">
          <ac:chgData name="Von Brock, Ryan CDT (EDU)" userId="906a1a04-0a10-4aa7-bed1-b7f4598a8a36" providerId="ADAL" clId="{9F82352B-AC4B-4A5F-AB5E-7A48EFDA7CB6}" dt="2021-11-08T13:58:28.651" v="170" actId="207"/>
          <ac:spMkLst>
            <pc:docMk/>
            <pc:sldMk cId="341688564" sldId="277"/>
            <ac:spMk id="3" creationId="{A45B0BFE-8225-4317-B594-1AEF66E9A48F}"/>
          </ac:spMkLst>
        </pc:spChg>
        <pc:graphicFrameChg chg="mod modGraphic">
          <ac:chgData name="Von Brock, Ryan CDT (EDU)" userId="906a1a04-0a10-4aa7-bed1-b7f4598a8a36" providerId="ADAL" clId="{9F82352B-AC4B-4A5F-AB5E-7A48EFDA7CB6}" dt="2021-11-09T01:00:00.062" v="3980" actId="26606"/>
          <ac:graphicFrameMkLst>
            <pc:docMk/>
            <pc:sldMk cId="341688564" sldId="277"/>
            <ac:graphicFrameMk id="14" creationId="{BBB5BB30-BD99-4076-9334-C7AB22D09FF0}"/>
          </ac:graphicFrameMkLst>
        </pc:graphicFrameChg>
      </pc:sldChg>
      <pc:sldChg chg="modSp new mod ord modShow">
        <pc:chgData name="Von Brock, Ryan CDT (EDU)" userId="906a1a04-0a10-4aa7-bed1-b7f4598a8a36" providerId="ADAL" clId="{9F82352B-AC4B-4A5F-AB5E-7A48EFDA7CB6}" dt="2021-11-09T03:57:22.928" v="5528" actId="729"/>
        <pc:sldMkLst>
          <pc:docMk/>
          <pc:sldMk cId="1928297415" sldId="278"/>
        </pc:sldMkLst>
        <pc:spChg chg="mod">
          <ac:chgData name="Von Brock, Ryan CDT (EDU)" userId="906a1a04-0a10-4aa7-bed1-b7f4598a8a36" providerId="ADAL" clId="{9F82352B-AC4B-4A5F-AB5E-7A48EFDA7CB6}" dt="2021-11-08T13:59:52.954" v="190" actId="20577"/>
          <ac:spMkLst>
            <pc:docMk/>
            <pc:sldMk cId="1928297415" sldId="278"/>
            <ac:spMk id="2" creationId="{5E83D899-95A4-4858-A33D-056C6F53A258}"/>
          </ac:spMkLst>
        </pc:spChg>
        <pc:spChg chg="mod">
          <ac:chgData name="Von Brock, Ryan CDT (EDU)" userId="906a1a04-0a10-4aa7-bed1-b7f4598a8a36" providerId="ADAL" clId="{9F82352B-AC4B-4A5F-AB5E-7A48EFDA7CB6}" dt="2021-11-08T14:00:06.559" v="200" actId="20577"/>
          <ac:spMkLst>
            <pc:docMk/>
            <pc:sldMk cId="1928297415" sldId="278"/>
            <ac:spMk id="3" creationId="{E7F17FBF-A0A5-47B4-8D48-D2C144F6E7C6}"/>
          </ac:spMkLst>
        </pc:spChg>
      </pc:sldChg>
      <pc:sldChg chg="modSp new mod ord modShow">
        <pc:chgData name="Von Brock, Ryan CDT (EDU)" userId="906a1a04-0a10-4aa7-bed1-b7f4598a8a36" providerId="ADAL" clId="{9F82352B-AC4B-4A5F-AB5E-7A48EFDA7CB6}" dt="2021-11-09T03:57:24.649" v="5529" actId="729"/>
        <pc:sldMkLst>
          <pc:docMk/>
          <pc:sldMk cId="1391944024" sldId="279"/>
        </pc:sldMkLst>
        <pc:spChg chg="mod">
          <ac:chgData name="Von Brock, Ryan CDT (EDU)" userId="906a1a04-0a10-4aa7-bed1-b7f4598a8a36" providerId="ADAL" clId="{9F82352B-AC4B-4A5F-AB5E-7A48EFDA7CB6}" dt="2021-11-08T14:00:25.334" v="214" actId="20577"/>
          <ac:spMkLst>
            <pc:docMk/>
            <pc:sldMk cId="1391944024" sldId="279"/>
            <ac:spMk id="2" creationId="{E25F8B0E-C105-47D6-97C0-3F9B6F35D5FC}"/>
          </ac:spMkLst>
        </pc:spChg>
        <pc:spChg chg="mod">
          <ac:chgData name="Von Brock, Ryan CDT (EDU)" userId="906a1a04-0a10-4aa7-bed1-b7f4598a8a36" providerId="ADAL" clId="{9F82352B-AC4B-4A5F-AB5E-7A48EFDA7CB6}" dt="2021-11-08T14:11:06.539" v="743"/>
          <ac:spMkLst>
            <pc:docMk/>
            <pc:sldMk cId="1391944024" sldId="279"/>
            <ac:spMk id="3" creationId="{C9F4E5E8-CD76-40DF-A8E3-A2F11A269D71}"/>
          </ac:spMkLst>
        </pc:spChg>
      </pc:sldChg>
      <pc:sldChg chg="modSp new mod ord modShow">
        <pc:chgData name="Von Brock, Ryan CDT (EDU)" userId="906a1a04-0a10-4aa7-bed1-b7f4598a8a36" providerId="ADAL" clId="{9F82352B-AC4B-4A5F-AB5E-7A48EFDA7CB6}" dt="2021-11-09T03:57:26.416" v="5530" actId="729"/>
        <pc:sldMkLst>
          <pc:docMk/>
          <pc:sldMk cId="1077826577" sldId="280"/>
        </pc:sldMkLst>
        <pc:spChg chg="mod">
          <ac:chgData name="Von Brock, Ryan CDT (EDU)" userId="906a1a04-0a10-4aa7-bed1-b7f4598a8a36" providerId="ADAL" clId="{9F82352B-AC4B-4A5F-AB5E-7A48EFDA7CB6}" dt="2021-11-08T14:01:19.790" v="250" actId="20577"/>
          <ac:spMkLst>
            <pc:docMk/>
            <pc:sldMk cId="1077826577" sldId="280"/>
            <ac:spMk id="2" creationId="{9377BAA2-2F7F-412C-8A91-7B58EDB92B90}"/>
          </ac:spMkLst>
        </pc:spChg>
        <pc:spChg chg="mod">
          <ac:chgData name="Von Brock, Ryan CDT (EDU)" userId="906a1a04-0a10-4aa7-bed1-b7f4598a8a36" providerId="ADAL" clId="{9F82352B-AC4B-4A5F-AB5E-7A48EFDA7CB6}" dt="2021-11-08T20:00:17.828" v="3849" actId="20578"/>
          <ac:spMkLst>
            <pc:docMk/>
            <pc:sldMk cId="1077826577" sldId="280"/>
            <ac:spMk id="3" creationId="{1DBDD81F-AF7D-4167-A58F-E4B8B45F76F1}"/>
          </ac:spMkLst>
        </pc:spChg>
      </pc:sldChg>
      <pc:sldChg chg="modSp add mod ord addCm modCm">
        <pc:chgData name="Von Brock, Ryan CDT (EDU)" userId="906a1a04-0a10-4aa7-bed1-b7f4598a8a36" providerId="ADAL" clId="{9F82352B-AC4B-4A5F-AB5E-7A48EFDA7CB6}" dt="2021-11-09T03:54:46.636" v="5520" actId="207"/>
        <pc:sldMkLst>
          <pc:docMk/>
          <pc:sldMk cId="2070352504" sldId="281"/>
        </pc:sldMkLst>
        <pc:spChg chg="mod">
          <ac:chgData name="Von Brock, Ryan CDT (EDU)" userId="906a1a04-0a10-4aa7-bed1-b7f4598a8a36" providerId="ADAL" clId="{9F82352B-AC4B-4A5F-AB5E-7A48EFDA7CB6}" dt="2021-11-09T03:54:46.636" v="5520" actId="207"/>
          <ac:spMkLst>
            <pc:docMk/>
            <pc:sldMk cId="2070352504" sldId="281"/>
            <ac:spMk id="2" creationId="{5132B2C2-3651-4DF9-B49F-12AAAA30A249}"/>
          </ac:spMkLst>
        </pc:spChg>
        <pc:spChg chg="mod">
          <ac:chgData name="Von Brock, Ryan CDT (EDU)" userId="906a1a04-0a10-4aa7-bed1-b7f4598a8a36" providerId="ADAL" clId="{9F82352B-AC4B-4A5F-AB5E-7A48EFDA7CB6}" dt="2021-11-09T01:34:29.677" v="4419" actId="948"/>
          <ac:spMkLst>
            <pc:docMk/>
            <pc:sldMk cId="2070352504" sldId="281"/>
            <ac:spMk id="3" creationId="{A45B0BFE-8225-4317-B594-1AEF66E9A48F}"/>
          </ac:spMkLst>
        </pc:spChg>
      </pc:sldChg>
      <pc:sldChg chg="new del">
        <pc:chgData name="Von Brock, Ryan CDT (EDU)" userId="906a1a04-0a10-4aa7-bed1-b7f4598a8a36" providerId="ADAL" clId="{9F82352B-AC4B-4A5F-AB5E-7A48EFDA7CB6}" dt="2021-11-08T14:07:30.104" v="716" actId="680"/>
        <pc:sldMkLst>
          <pc:docMk/>
          <pc:sldMk cId="493575445" sldId="282"/>
        </pc:sldMkLst>
      </pc:sldChg>
      <pc:sldChg chg="modSp add mod addCm modCm">
        <pc:chgData name="Von Brock, Ryan CDT (EDU)" userId="906a1a04-0a10-4aa7-bed1-b7f4598a8a36" providerId="ADAL" clId="{9F82352B-AC4B-4A5F-AB5E-7A48EFDA7CB6}" dt="2021-11-09T00:39:54.888" v="3861" actId="20577"/>
        <pc:sldMkLst>
          <pc:docMk/>
          <pc:sldMk cId="1382177328" sldId="282"/>
        </pc:sldMkLst>
        <pc:spChg chg="mod">
          <ac:chgData name="Von Brock, Ryan CDT (EDU)" userId="906a1a04-0a10-4aa7-bed1-b7f4598a8a36" providerId="ADAL" clId="{9F82352B-AC4B-4A5F-AB5E-7A48EFDA7CB6}" dt="2021-11-09T00:39:54.888" v="3861" actId="20577"/>
          <ac:spMkLst>
            <pc:docMk/>
            <pc:sldMk cId="1382177328" sldId="282"/>
            <ac:spMk id="2" creationId="{95F8F1E8-4E42-4AA2-8C49-661C9EEE2DDE}"/>
          </ac:spMkLst>
        </pc:spChg>
      </pc:sldChg>
      <pc:sldChg chg="modSp add mod ord">
        <pc:chgData name="Von Brock, Ryan CDT (EDU)" userId="906a1a04-0a10-4aa7-bed1-b7f4598a8a36" providerId="ADAL" clId="{9F82352B-AC4B-4A5F-AB5E-7A48EFDA7CB6}" dt="2021-11-08T19:56:22.995" v="3812"/>
        <pc:sldMkLst>
          <pc:docMk/>
          <pc:sldMk cId="3961488097" sldId="283"/>
        </pc:sldMkLst>
        <pc:spChg chg="mod">
          <ac:chgData name="Von Brock, Ryan CDT (EDU)" userId="906a1a04-0a10-4aa7-bed1-b7f4598a8a36" providerId="ADAL" clId="{9F82352B-AC4B-4A5F-AB5E-7A48EFDA7CB6}" dt="2021-11-08T17:00:09.602" v="2756" actId="20577"/>
          <ac:spMkLst>
            <pc:docMk/>
            <pc:sldMk cId="3961488097" sldId="283"/>
            <ac:spMk id="2" creationId="{95F8F1E8-4E42-4AA2-8C49-661C9EEE2DDE}"/>
          </ac:spMkLst>
        </pc:spChg>
      </pc:sldChg>
      <pc:sldChg chg="addSp delSp modSp add mod ord addCm modCm">
        <pc:chgData name="Von Brock, Ryan CDT (EDU)" userId="906a1a04-0a10-4aa7-bed1-b7f4598a8a36" providerId="ADAL" clId="{9F82352B-AC4B-4A5F-AB5E-7A48EFDA7CB6}" dt="2021-11-09T02:00:22.880" v="4504" actId="1076"/>
        <pc:sldMkLst>
          <pc:docMk/>
          <pc:sldMk cId="3310234027" sldId="284"/>
        </pc:sldMkLst>
        <pc:spChg chg="mod">
          <ac:chgData name="Von Brock, Ryan CDT (EDU)" userId="906a1a04-0a10-4aa7-bed1-b7f4598a8a36" providerId="ADAL" clId="{9F82352B-AC4B-4A5F-AB5E-7A48EFDA7CB6}" dt="2021-11-08T16:19:56.697" v="1732" actId="20577"/>
          <ac:spMkLst>
            <pc:docMk/>
            <pc:sldMk cId="3310234027" sldId="284"/>
            <ac:spMk id="2" creationId="{95F8F1E8-4E42-4AA2-8C49-661C9EEE2DDE}"/>
          </ac:spMkLst>
        </pc:spChg>
        <pc:spChg chg="mod">
          <ac:chgData name="Von Brock, Ryan CDT (EDU)" userId="906a1a04-0a10-4aa7-bed1-b7f4598a8a36" providerId="ADAL" clId="{9F82352B-AC4B-4A5F-AB5E-7A48EFDA7CB6}" dt="2021-11-08T16:41:41.952" v="2570" actId="20577"/>
          <ac:spMkLst>
            <pc:docMk/>
            <pc:sldMk cId="3310234027" sldId="284"/>
            <ac:spMk id="3" creationId="{4BC1EB17-17D9-46B5-BB18-29163431A1BD}"/>
          </ac:spMkLst>
        </pc:spChg>
        <pc:spChg chg="add del mod">
          <ac:chgData name="Von Brock, Ryan CDT (EDU)" userId="906a1a04-0a10-4aa7-bed1-b7f4598a8a36" providerId="ADAL" clId="{9F82352B-AC4B-4A5F-AB5E-7A48EFDA7CB6}" dt="2021-11-09T01:36:39.478" v="4425" actId="478"/>
          <ac:spMkLst>
            <pc:docMk/>
            <pc:sldMk cId="3310234027" sldId="284"/>
            <ac:spMk id="4" creationId="{B50545BE-0D0D-4453-B033-0D7FEA5FE5FE}"/>
          </ac:spMkLst>
        </pc:spChg>
        <pc:spChg chg="add del mod">
          <ac:chgData name="Von Brock, Ryan CDT (EDU)" userId="906a1a04-0a10-4aa7-bed1-b7f4598a8a36" providerId="ADAL" clId="{9F82352B-AC4B-4A5F-AB5E-7A48EFDA7CB6}" dt="2021-11-09T01:42:42.024" v="4441" actId="478"/>
          <ac:spMkLst>
            <pc:docMk/>
            <pc:sldMk cId="3310234027" sldId="284"/>
            <ac:spMk id="5" creationId="{4535148D-451F-4BCA-B176-796E2829FB17}"/>
          </ac:spMkLst>
        </pc:spChg>
        <pc:spChg chg="add mod">
          <ac:chgData name="Von Brock, Ryan CDT (EDU)" userId="906a1a04-0a10-4aa7-bed1-b7f4598a8a36" providerId="ADAL" clId="{9F82352B-AC4B-4A5F-AB5E-7A48EFDA7CB6}" dt="2021-11-09T02:00:12.734" v="4501" actId="1076"/>
          <ac:spMkLst>
            <pc:docMk/>
            <pc:sldMk cId="3310234027" sldId="284"/>
            <ac:spMk id="13" creationId="{8D38AA56-B9F6-4630-8FA6-6BD6BFAD95F6}"/>
          </ac:spMkLst>
        </pc:spChg>
        <pc:spChg chg="add mod">
          <ac:chgData name="Von Brock, Ryan CDT (EDU)" userId="906a1a04-0a10-4aa7-bed1-b7f4598a8a36" providerId="ADAL" clId="{9F82352B-AC4B-4A5F-AB5E-7A48EFDA7CB6}" dt="2021-11-09T02:00:08.720" v="4500" actId="1076"/>
          <ac:spMkLst>
            <pc:docMk/>
            <pc:sldMk cId="3310234027" sldId="284"/>
            <ac:spMk id="14" creationId="{0257C8BD-154A-4277-87D4-5D69AF01D0AC}"/>
          </ac:spMkLst>
        </pc:spChg>
        <pc:picChg chg="add del mod">
          <ac:chgData name="Von Brock, Ryan CDT (EDU)" userId="906a1a04-0a10-4aa7-bed1-b7f4598a8a36" providerId="ADAL" clId="{9F82352B-AC4B-4A5F-AB5E-7A48EFDA7CB6}" dt="2021-11-09T01:42:12.374" v="4431" actId="478"/>
          <ac:picMkLst>
            <pc:docMk/>
            <pc:sldMk cId="3310234027" sldId="284"/>
            <ac:picMk id="6" creationId="{4EFFFFC9-21FA-4E70-87E7-6C1369DFDF64}"/>
          </ac:picMkLst>
        </pc:picChg>
        <pc:picChg chg="add mod">
          <ac:chgData name="Von Brock, Ryan CDT (EDU)" userId="906a1a04-0a10-4aa7-bed1-b7f4598a8a36" providerId="ADAL" clId="{9F82352B-AC4B-4A5F-AB5E-7A48EFDA7CB6}" dt="2021-11-09T02:00:22.880" v="4504" actId="1076"/>
          <ac:picMkLst>
            <pc:docMk/>
            <pc:sldMk cId="3310234027" sldId="284"/>
            <ac:picMk id="8" creationId="{8520AC30-9286-46C9-B772-42C32158C7AF}"/>
          </ac:picMkLst>
        </pc:picChg>
        <pc:picChg chg="add del mod">
          <ac:chgData name="Von Brock, Ryan CDT (EDU)" userId="906a1a04-0a10-4aa7-bed1-b7f4598a8a36" providerId="ADAL" clId="{9F82352B-AC4B-4A5F-AB5E-7A48EFDA7CB6}" dt="2021-11-09T01:55:24.881" v="4454" actId="478"/>
          <ac:picMkLst>
            <pc:docMk/>
            <pc:sldMk cId="3310234027" sldId="284"/>
            <ac:picMk id="10" creationId="{4B0D21A7-7036-4E33-A1CD-D0EC5B48A0BB}"/>
          </ac:picMkLst>
        </pc:picChg>
        <pc:picChg chg="add mod">
          <ac:chgData name="Von Brock, Ryan CDT (EDU)" userId="906a1a04-0a10-4aa7-bed1-b7f4598a8a36" providerId="ADAL" clId="{9F82352B-AC4B-4A5F-AB5E-7A48EFDA7CB6}" dt="2021-11-09T01:59:57.252" v="4499" actId="1076"/>
          <ac:picMkLst>
            <pc:docMk/>
            <pc:sldMk cId="3310234027" sldId="284"/>
            <ac:picMk id="12" creationId="{75991131-2CEC-44B2-9353-105C5F4ED485}"/>
          </ac:picMkLst>
        </pc:picChg>
      </pc:sldChg>
      <pc:sldChg chg="modSp add mod addCm modCm">
        <pc:chgData name="Von Brock, Ryan CDT (EDU)" userId="906a1a04-0a10-4aa7-bed1-b7f4598a8a36" providerId="ADAL" clId="{9F82352B-AC4B-4A5F-AB5E-7A48EFDA7CB6}" dt="2021-11-09T03:51:13.678" v="5518" actId="2711"/>
        <pc:sldMkLst>
          <pc:docMk/>
          <pc:sldMk cId="830143972" sldId="285"/>
        </pc:sldMkLst>
        <pc:spChg chg="mod">
          <ac:chgData name="Von Brock, Ryan CDT (EDU)" userId="906a1a04-0a10-4aa7-bed1-b7f4598a8a36" providerId="ADAL" clId="{9F82352B-AC4B-4A5F-AB5E-7A48EFDA7CB6}" dt="2021-11-09T03:51:13.678" v="5518" actId="2711"/>
          <ac:spMkLst>
            <pc:docMk/>
            <pc:sldMk cId="830143972" sldId="285"/>
            <ac:spMk id="2" creationId="{95F8F1E8-4E42-4AA2-8C49-661C9EEE2DDE}"/>
          </ac:spMkLst>
        </pc:spChg>
        <pc:graphicFrameChg chg="mod">
          <ac:chgData name="Von Brock, Ryan CDT (EDU)" userId="906a1a04-0a10-4aa7-bed1-b7f4598a8a36" providerId="ADAL" clId="{9F82352B-AC4B-4A5F-AB5E-7A48EFDA7CB6}" dt="2021-11-09T03:51:13.678" v="5518" actId="2711"/>
          <ac:graphicFrameMkLst>
            <pc:docMk/>
            <pc:sldMk cId="830143972" sldId="285"/>
            <ac:graphicFrameMk id="20" creationId="{0789413C-64E7-4C71-AD25-1BE64FFB340D}"/>
          </ac:graphicFrameMkLst>
        </pc:graphicFrameChg>
      </pc:sldChg>
      <pc:sldChg chg="modSp add mod addCm modCm">
        <pc:chgData name="Von Brock, Ryan CDT (EDU)" userId="906a1a04-0a10-4aa7-bed1-b7f4598a8a36" providerId="ADAL" clId="{9F82352B-AC4B-4A5F-AB5E-7A48EFDA7CB6}" dt="2021-11-09T00:40:05.768" v="3866" actId="20577"/>
        <pc:sldMkLst>
          <pc:docMk/>
          <pc:sldMk cId="1001279083" sldId="286"/>
        </pc:sldMkLst>
        <pc:spChg chg="mod">
          <ac:chgData name="Von Brock, Ryan CDT (EDU)" userId="906a1a04-0a10-4aa7-bed1-b7f4598a8a36" providerId="ADAL" clId="{9F82352B-AC4B-4A5F-AB5E-7A48EFDA7CB6}" dt="2021-11-09T00:40:05.768" v="3866" actId="20577"/>
          <ac:spMkLst>
            <pc:docMk/>
            <pc:sldMk cId="1001279083" sldId="286"/>
            <ac:spMk id="2" creationId="{95F8F1E8-4E42-4AA2-8C49-661C9EEE2DDE}"/>
          </ac:spMkLst>
        </pc:spChg>
      </pc:sldChg>
      <pc:sldChg chg="modSp add mod ord addCm modCm modNotesTx">
        <pc:chgData name="Von Brock, Ryan CDT (EDU)" userId="906a1a04-0a10-4aa7-bed1-b7f4598a8a36" providerId="ADAL" clId="{9F82352B-AC4B-4A5F-AB5E-7A48EFDA7CB6}" dt="2021-11-09T04:10:41.029" v="5688" actId="20577"/>
        <pc:sldMkLst>
          <pc:docMk/>
          <pc:sldMk cId="777197450" sldId="287"/>
        </pc:sldMkLst>
        <pc:spChg chg="mod">
          <ac:chgData name="Von Brock, Ryan CDT (EDU)" userId="906a1a04-0a10-4aa7-bed1-b7f4598a8a36" providerId="ADAL" clId="{9F82352B-AC4B-4A5F-AB5E-7A48EFDA7CB6}" dt="2021-11-09T00:40:30.326" v="3912" actId="20577"/>
          <ac:spMkLst>
            <pc:docMk/>
            <pc:sldMk cId="777197450" sldId="287"/>
            <ac:spMk id="2" creationId="{95F8F1E8-4E42-4AA2-8C49-661C9EEE2DDE}"/>
          </ac:spMkLst>
        </pc:spChg>
        <pc:spChg chg="mod">
          <ac:chgData name="Von Brock, Ryan CDT (EDU)" userId="906a1a04-0a10-4aa7-bed1-b7f4598a8a36" providerId="ADAL" clId="{9F82352B-AC4B-4A5F-AB5E-7A48EFDA7CB6}" dt="2021-11-09T03:59:52.922" v="5674" actId="20577"/>
          <ac:spMkLst>
            <pc:docMk/>
            <pc:sldMk cId="777197450" sldId="287"/>
            <ac:spMk id="3" creationId="{4BC1EB17-17D9-46B5-BB18-29163431A1BD}"/>
          </ac:spMkLst>
        </pc:spChg>
        <pc:picChg chg="mod">
          <ac:chgData name="Von Brock, Ryan CDT (EDU)" userId="906a1a04-0a10-4aa7-bed1-b7f4598a8a36" providerId="ADAL" clId="{9F82352B-AC4B-4A5F-AB5E-7A48EFDA7CB6}" dt="2021-11-09T01:08:57.605" v="4107" actId="1076"/>
          <ac:picMkLst>
            <pc:docMk/>
            <pc:sldMk cId="777197450" sldId="287"/>
            <ac:picMk id="4" creationId="{75385CB3-C9AC-4F64-93C0-664A691E3E4B}"/>
          </ac:picMkLst>
        </pc:picChg>
      </pc:sldChg>
      <pc:sldChg chg="addSp delSp modSp add mod">
        <pc:chgData name="Von Brock, Ryan CDT (EDU)" userId="906a1a04-0a10-4aa7-bed1-b7f4598a8a36" providerId="ADAL" clId="{9F82352B-AC4B-4A5F-AB5E-7A48EFDA7CB6}" dt="2021-11-09T04:13:57.439" v="5689" actId="1076"/>
        <pc:sldMkLst>
          <pc:docMk/>
          <pc:sldMk cId="1267526199" sldId="288"/>
        </pc:sldMkLst>
        <pc:spChg chg="mod">
          <ac:chgData name="Von Brock, Ryan CDT (EDU)" userId="906a1a04-0a10-4aa7-bed1-b7f4598a8a36" providerId="ADAL" clId="{9F82352B-AC4B-4A5F-AB5E-7A48EFDA7CB6}" dt="2021-11-08T16:48:13.335" v="2701" actId="20577"/>
          <ac:spMkLst>
            <pc:docMk/>
            <pc:sldMk cId="1267526199" sldId="288"/>
            <ac:spMk id="2" creationId="{95F8F1E8-4E42-4AA2-8C49-661C9EEE2DDE}"/>
          </ac:spMkLst>
        </pc:spChg>
        <pc:spChg chg="mod">
          <ac:chgData name="Von Brock, Ryan CDT (EDU)" userId="906a1a04-0a10-4aa7-bed1-b7f4598a8a36" providerId="ADAL" clId="{9F82352B-AC4B-4A5F-AB5E-7A48EFDA7CB6}" dt="2021-11-08T20:03:43.844" v="3858" actId="20577"/>
          <ac:spMkLst>
            <pc:docMk/>
            <pc:sldMk cId="1267526199" sldId="288"/>
            <ac:spMk id="3" creationId="{4BC1EB17-17D9-46B5-BB18-29163431A1BD}"/>
          </ac:spMkLst>
        </pc:spChg>
        <pc:spChg chg="del">
          <ac:chgData name="Von Brock, Ryan CDT (EDU)" userId="906a1a04-0a10-4aa7-bed1-b7f4598a8a36" providerId="ADAL" clId="{9F82352B-AC4B-4A5F-AB5E-7A48EFDA7CB6}" dt="2021-11-08T16:33:52.308" v="2397" actId="478"/>
          <ac:spMkLst>
            <pc:docMk/>
            <pc:sldMk cId="1267526199" sldId="288"/>
            <ac:spMk id="4" creationId="{B50545BE-0D0D-4453-B033-0D7FEA5FE5FE}"/>
          </ac:spMkLst>
        </pc:spChg>
        <pc:spChg chg="add mod">
          <ac:chgData name="Von Brock, Ryan CDT (EDU)" userId="906a1a04-0a10-4aa7-bed1-b7f4598a8a36" providerId="ADAL" clId="{9F82352B-AC4B-4A5F-AB5E-7A48EFDA7CB6}" dt="2021-11-08T16:42:29.577" v="2597" actId="20577"/>
          <ac:spMkLst>
            <pc:docMk/>
            <pc:sldMk cId="1267526199" sldId="288"/>
            <ac:spMk id="5" creationId="{28E49D93-180A-420C-B7A2-A8AA970F0138}"/>
          </ac:spMkLst>
        </pc:spChg>
        <pc:spChg chg="add del mod">
          <ac:chgData name="Von Brock, Ryan CDT (EDU)" userId="906a1a04-0a10-4aa7-bed1-b7f4598a8a36" providerId="ADAL" clId="{9F82352B-AC4B-4A5F-AB5E-7A48EFDA7CB6}" dt="2021-11-09T02:18:19.174" v="4506" actId="478"/>
          <ac:spMkLst>
            <pc:docMk/>
            <pc:sldMk cId="1267526199" sldId="288"/>
            <ac:spMk id="6" creationId="{1906994F-0D4E-4BFC-B0AD-92A64EFBE71B}"/>
          </ac:spMkLst>
        </pc:spChg>
        <pc:picChg chg="add mod">
          <ac:chgData name="Von Brock, Ryan CDT (EDU)" userId="906a1a04-0a10-4aa7-bed1-b7f4598a8a36" providerId="ADAL" clId="{9F82352B-AC4B-4A5F-AB5E-7A48EFDA7CB6}" dt="2021-11-09T02:19:10.901" v="4608"/>
          <ac:picMkLst>
            <pc:docMk/>
            <pc:sldMk cId="1267526199" sldId="288"/>
            <ac:picMk id="4" creationId="{FE9030AA-FC0E-4D3B-9308-95CFF9CB70E1}"/>
          </ac:picMkLst>
        </pc:picChg>
        <pc:picChg chg="mod">
          <ac:chgData name="Von Brock, Ryan CDT (EDU)" userId="906a1a04-0a10-4aa7-bed1-b7f4598a8a36" providerId="ADAL" clId="{9F82352B-AC4B-4A5F-AB5E-7A48EFDA7CB6}" dt="2021-11-09T04:13:57.439" v="5689" actId="1076"/>
          <ac:picMkLst>
            <pc:docMk/>
            <pc:sldMk cId="1267526199" sldId="288"/>
            <ac:picMk id="8" creationId="{1FBCA517-D640-4EC3-A348-2AA890D54EB0}"/>
          </ac:picMkLst>
        </pc:picChg>
      </pc:sldChg>
      <pc:sldChg chg="addSp delSp modSp add mod ord setBg modClrScheme chgLayout">
        <pc:chgData name="Von Brock, Ryan CDT (EDU)" userId="906a1a04-0a10-4aa7-bed1-b7f4598a8a36" providerId="ADAL" clId="{9F82352B-AC4B-4A5F-AB5E-7A48EFDA7CB6}" dt="2021-11-09T03:50:24.391" v="5515" actId="1076"/>
        <pc:sldMkLst>
          <pc:docMk/>
          <pc:sldMk cId="430956393" sldId="952"/>
        </pc:sldMkLst>
        <pc:spChg chg="add del mod ord">
          <ac:chgData name="Von Brock, Ryan CDT (EDU)" userId="906a1a04-0a10-4aa7-bed1-b7f4598a8a36" providerId="ADAL" clId="{9F82352B-AC4B-4A5F-AB5E-7A48EFDA7CB6}" dt="2021-11-08T18:24:42.656" v="2807" actId="700"/>
          <ac:spMkLst>
            <pc:docMk/>
            <pc:sldMk cId="430956393" sldId="952"/>
            <ac:spMk id="4" creationId="{A1BFA1E7-1CB5-4ADB-95D3-9E6F6F54A9F9}"/>
          </ac:spMkLst>
        </pc:spChg>
        <pc:spChg chg="mod">
          <ac:chgData name="Von Brock, Ryan CDT (EDU)" userId="906a1a04-0a10-4aa7-bed1-b7f4598a8a36" providerId="ADAL" clId="{9F82352B-AC4B-4A5F-AB5E-7A48EFDA7CB6}" dt="2021-11-08T18:41:10.706" v="3093" actId="1035"/>
          <ac:spMkLst>
            <pc:docMk/>
            <pc:sldMk cId="430956393" sldId="952"/>
            <ac:spMk id="8" creationId="{7C46D9AE-762E-4F50-A81D-30E793221C86}"/>
          </ac:spMkLst>
        </pc:spChg>
        <pc:spChg chg="mod">
          <ac:chgData name="Von Brock, Ryan CDT (EDU)" userId="906a1a04-0a10-4aa7-bed1-b7f4598a8a36" providerId="ADAL" clId="{9F82352B-AC4B-4A5F-AB5E-7A48EFDA7CB6}" dt="2021-11-08T18:41:10.706" v="3093" actId="1035"/>
          <ac:spMkLst>
            <pc:docMk/>
            <pc:sldMk cId="430956393" sldId="952"/>
            <ac:spMk id="9" creationId="{D6FFDCBD-8ABA-4274-8A98-CF6EA405B9C8}"/>
          </ac:spMkLst>
        </pc:spChg>
        <pc:spChg chg="mod">
          <ac:chgData name="Von Brock, Ryan CDT (EDU)" userId="906a1a04-0a10-4aa7-bed1-b7f4598a8a36" providerId="ADAL" clId="{9F82352B-AC4B-4A5F-AB5E-7A48EFDA7CB6}" dt="2021-11-08T18:41:10.706" v="3093" actId="1035"/>
          <ac:spMkLst>
            <pc:docMk/>
            <pc:sldMk cId="430956393" sldId="952"/>
            <ac:spMk id="10" creationId="{AD0F9F2A-EDBF-45B2-904D-984630FC0F10}"/>
          </ac:spMkLst>
        </pc:spChg>
        <pc:spChg chg="mod">
          <ac:chgData name="Von Brock, Ryan CDT (EDU)" userId="906a1a04-0a10-4aa7-bed1-b7f4598a8a36" providerId="ADAL" clId="{9F82352B-AC4B-4A5F-AB5E-7A48EFDA7CB6}" dt="2021-11-08T18:41:10.706" v="3093" actId="1035"/>
          <ac:spMkLst>
            <pc:docMk/>
            <pc:sldMk cId="430956393" sldId="952"/>
            <ac:spMk id="11" creationId="{01F18C11-A2E5-4455-AFA2-4F4F9E8E6515}"/>
          </ac:spMkLst>
        </pc:spChg>
        <pc:spChg chg="mod">
          <ac:chgData name="Von Brock, Ryan CDT (EDU)" userId="906a1a04-0a10-4aa7-bed1-b7f4598a8a36" providerId="ADAL" clId="{9F82352B-AC4B-4A5F-AB5E-7A48EFDA7CB6}" dt="2021-11-09T03:22:44.161" v="5379" actId="20577"/>
          <ac:spMkLst>
            <pc:docMk/>
            <pc:sldMk cId="430956393" sldId="952"/>
            <ac:spMk id="12" creationId="{B95B1B5F-0817-4260-8D15-7B05D7A3D549}"/>
          </ac:spMkLst>
        </pc:spChg>
        <pc:spChg chg="mod">
          <ac:chgData name="Von Brock, Ryan CDT (EDU)" userId="906a1a04-0a10-4aa7-bed1-b7f4598a8a36" providerId="ADAL" clId="{9F82352B-AC4B-4A5F-AB5E-7A48EFDA7CB6}" dt="2021-11-09T03:50:13.809" v="5512" actId="1076"/>
          <ac:spMkLst>
            <pc:docMk/>
            <pc:sldMk cId="430956393" sldId="952"/>
            <ac:spMk id="23" creationId="{EFDD6F16-A662-4663-96CD-4159120252E3}"/>
          </ac:spMkLst>
        </pc:spChg>
        <pc:spChg chg="mod">
          <ac:chgData name="Von Brock, Ryan CDT (EDU)" userId="906a1a04-0a10-4aa7-bed1-b7f4598a8a36" providerId="ADAL" clId="{9F82352B-AC4B-4A5F-AB5E-7A48EFDA7CB6}" dt="2021-11-09T03:50:07.764" v="5510" actId="1076"/>
          <ac:spMkLst>
            <pc:docMk/>
            <pc:sldMk cId="430956393" sldId="952"/>
            <ac:spMk id="29" creationId="{21839672-264B-4DB4-A884-9A8E74029E54}"/>
          </ac:spMkLst>
        </pc:spChg>
        <pc:spChg chg="mod">
          <ac:chgData name="Von Brock, Ryan CDT (EDU)" userId="906a1a04-0a10-4aa7-bed1-b7f4598a8a36" providerId="ADAL" clId="{9F82352B-AC4B-4A5F-AB5E-7A48EFDA7CB6}" dt="2021-11-09T02:49:26.331" v="4966" actId="1036"/>
          <ac:spMkLst>
            <pc:docMk/>
            <pc:sldMk cId="430956393" sldId="952"/>
            <ac:spMk id="36" creationId="{25633857-B41D-4336-9D91-9BA5D9D9332B}"/>
          </ac:spMkLst>
        </pc:spChg>
        <pc:spChg chg="mod">
          <ac:chgData name="Von Brock, Ryan CDT (EDU)" userId="906a1a04-0a10-4aa7-bed1-b7f4598a8a36" providerId="ADAL" clId="{9F82352B-AC4B-4A5F-AB5E-7A48EFDA7CB6}" dt="2021-11-09T03:30:03.495" v="5451" actId="403"/>
          <ac:spMkLst>
            <pc:docMk/>
            <pc:sldMk cId="430956393" sldId="952"/>
            <ac:spMk id="37" creationId="{DE487498-AFF0-4E41-8BE2-DC7A6B94BFFA}"/>
          </ac:spMkLst>
        </pc:spChg>
        <pc:spChg chg="del mod">
          <ac:chgData name="Von Brock, Ryan CDT (EDU)" userId="906a1a04-0a10-4aa7-bed1-b7f4598a8a36" providerId="ADAL" clId="{9F82352B-AC4B-4A5F-AB5E-7A48EFDA7CB6}" dt="2021-11-09T02:33:52.494" v="4612" actId="478"/>
          <ac:spMkLst>
            <pc:docMk/>
            <pc:sldMk cId="430956393" sldId="952"/>
            <ac:spMk id="70" creationId="{B6C4E4D7-5D80-4DDF-A7D5-7CD9142704E1}"/>
          </ac:spMkLst>
        </pc:spChg>
        <pc:spChg chg="del mod">
          <ac:chgData name="Von Brock, Ryan CDT (EDU)" userId="906a1a04-0a10-4aa7-bed1-b7f4598a8a36" providerId="ADAL" clId="{9F82352B-AC4B-4A5F-AB5E-7A48EFDA7CB6}" dt="2021-11-09T02:36:17.282" v="4688" actId="478"/>
          <ac:spMkLst>
            <pc:docMk/>
            <pc:sldMk cId="430956393" sldId="952"/>
            <ac:spMk id="74" creationId="{E9EF1CB4-997E-47E5-8898-33FB5AD37261}"/>
          </ac:spMkLst>
        </pc:spChg>
        <pc:spChg chg="mod">
          <ac:chgData name="Von Brock, Ryan CDT (EDU)" userId="906a1a04-0a10-4aa7-bed1-b7f4598a8a36" providerId="ADAL" clId="{9F82352B-AC4B-4A5F-AB5E-7A48EFDA7CB6}" dt="2021-11-09T03:50:10.840" v="5511" actId="1076"/>
          <ac:spMkLst>
            <pc:docMk/>
            <pc:sldMk cId="430956393" sldId="952"/>
            <ac:spMk id="133" creationId="{30974211-CF09-4AFF-B4E3-B5C84228A7D6}"/>
          </ac:spMkLst>
        </pc:spChg>
        <pc:spChg chg="mod">
          <ac:chgData name="Von Brock, Ryan CDT (EDU)" userId="906a1a04-0a10-4aa7-bed1-b7f4598a8a36" providerId="ADAL" clId="{9F82352B-AC4B-4A5F-AB5E-7A48EFDA7CB6}" dt="2021-11-09T03:50:24.391" v="5515" actId="1076"/>
          <ac:spMkLst>
            <pc:docMk/>
            <pc:sldMk cId="430956393" sldId="952"/>
            <ac:spMk id="145" creationId="{57D2FEF3-51F5-42C6-AA2A-9B6E82C7FBD0}"/>
          </ac:spMkLst>
        </pc:spChg>
        <pc:spChg chg="del mod">
          <ac:chgData name="Von Brock, Ryan CDT (EDU)" userId="906a1a04-0a10-4aa7-bed1-b7f4598a8a36" providerId="ADAL" clId="{9F82352B-AC4B-4A5F-AB5E-7A48EFDA7CB6}" dt="2021-11-09T02:36:07.636" v="4686" actId="478"/>
          <ac:spMkLst>
            <pc:docMk/>
            <pc:sldMk cId="430956393" sldId="952"/>
            <ac:spMk id="147" creationId="{6E9E381F-C996-4407-8F79-93F32C12FB72}"/>
          </ac:spMkLst>
        </pc:spChg>
        <pc:spChg chg="del mod">
          <ac:chgData name="Von Brock, Ryan CDT (EDU)" userId="906a1a04-0a10-4aa7-bed1-b7f4598a8a36" providerId="ADAL" clId="{9F82352B-AC4B-4A5F-AB5E-7A48EFDA7CB6}" dt="2021-11-09T02:33:53.397" v="4613" actId="478"/>
          <ac:spMkLst>
            <pc:docMk/>
            <pc:sldMk cId="430956393" sldId="952"/>
            <ac:spMk id="149" creationId="{C4E5A75A-BFA2-40E8-B57A-5B4DA777E209}"/>
          </ac:spMkLst>
        </pc:spChg>
        <pc:spChg chg="add del mod">
          <ac:chgData name="Von Brock, Ryan CDT (EDU)" userId="906a1a04-0a10-4aa7-bed1-b7f4598a8a36" providerId="ADAL" clId="{9F82352B-AC4B-4A5F-AB5E-7A48EFDA7CB6}" dt="2021-11-09T02:34:28.230" v="4634" actId="478"/>
          <ac:spMkLst>
            <pc:docMk/>
            <pc:sldMk cId="430956393" sldId="952"/>
            <ac:spMk id="173" creationId="{BABB4905-9C81-4AA4-B3C4-0AA7EC963137}"/>
          </ac:spMkLst>
        </pc:spChg>
        <pc:spChg chg="add del mod">
          <ac:chgData name="Von Brock, Ryan CDT (EDU)" userId="906a1a04-0a10-4aa7-bed1-b7f4598a8a36" providerId="ADAL" clId="{9F82352B-AC4B-4A5F-AB5E-7A48EFDA7CB6}" dt="2021-11-09T02:34:27.363" v="4633" actId="478"/>
          <ac:spMkLst>
            <pc:docMk/>
            <pc:sldMk cId="430956393" sldId="952"/>
            <ac:spMk id="174" creationId="{5E1B2C6D-E68A-4D9A-9409-4CD6061953FB}"/>
          </ac:spMkLst>
        </pc:spChg>
        <pc:spChg chg="add del mod">
          <ac:chgData name="Von Brock, Ryan CDT (EDU)" userId="906a1a04-0a10-4aa7-bed1-b7f4598a8a36" providerId="ADAL" clId="{9F82352B-AC4B-4A5F-AB5E-7A48EFDA7CB6}" dt="2021-11-08T19:21:40.236" v="3777" actId="478"/>
          <ac:spMkLst>
            <pc:docMk/>
            <pc:sldMk cId="430956393" sldId="952"/>
            <ac:spMk id="175" creationId="{22EF572B-0968-4BDF-809A-8AE05B3C8EB0}"/>
          </ac:spMkLst>
        </pc:spChg>
        <pc:spChg chg="add mod ord">
          <ac:chgData name="Von Brock, Ryan CDT (EDU)" userId="906a1a04-0a10-4aa7-bed1-b7f4598a8a36" providerId="ADAL" clId="{9F82352B-AC4B-4A5F-AB5E-7A48EFDA7CB6}" dt="2021-11-09T03:25:58.778" v="5406" actId="1076"/>
          <ac:spMkLst>
            <pc:docMk/>
            <pc:sldMk cId="430956393" sldId="952"/>
            <ac:spMk id="176" creationId="{3D4E8600-F0D6-482A-B493-C55574B0F7C9}"/>
          </ac:spMkLst>
        </pc:spChg>
        <pc:spChg chg="add mod">
          <ac:chgData name="Von Brock, Ryan CDT (EDU)" userId="906a1a04-0a10-4aa7-bed1-b7f4598a8a36" providerId="ADAL" clId="{9F82352B-AC4B-4A5F-AB5E-7A48EFDA7CB6}" dt="2021-11-09T03:25:43.215" v="5401" actId="255"/>
          <ac:spMkLst>
            <pc:docMk/>
            <pc:sldMk cId="430956393" sldId="952"/>
            <ac:spMk id="177" creationId="{C29DD877-91B3-4294-8951-CD0046A522EB}"/>
          </ac:spMkLst>
        </pc:spChg>
        <pc:spChg chg="add del mod">
          <ac:chgData name="Von Brock, Ryan CDT (EDU)" userId="906a1a04-0a10-4aa7-bed1-b7f4598a8a36" providerId="ADAL" clId="{9F82352B-AC4B-4A5F-AB5E-7A48EFDA7CB6}" dt="2021-11-08T19:58:09.233" v="3824" actId="478"/>
          <ac:spMkLst>
            <pc:docMk/>
            <pc:sldMk cId="430956393" sldId="952"/>
            <ac:spMk id="178" creationId="{95CE4F86-2EF6-49CB-9BA4-A350090A8775}"/>
          </ac:spMkLst>
        </pc:spChg>
        <pc:spChg chg="add del mod">
          <ac:chgData name="Von Brock, Ryan CDT (EDU)" userId="906a1a04-0a10-4aa7-bed1-b7f4598a8a36" providerId="ADAL" clId="{9F82352B-AC4B-4A5F-AB5E-7A48EFDA7CB6}" dt="2021-11-08T19:59:41.303" v="3847"/>
          <ac:spMkLst>
            <pc:docMk/>
            <pc:sldMk cId="430956393" sldId="952"/>
            <ac:spMk id="179" creationId="{EFE4040E-85FB-46AE-B7C2-1B8CEE4B7B6B}"/>
          </ac:spMkLst>
        </pc:spChg>
        <pc:spChg chg="add del mod">
          <ac:chgData name="Von Brock, Ryan CDT (EDU)" userId="906a1a04-0a10-4aa7-bed1-b7f4598a8a36" providerId="ADAL" clId="{9F82352B-AC4B-4A5F-AB5E-7A48EFDA7CB6}" dt="2021-11-08T19:59:39.975" v="3843"/>
          <ac:spMkLst>
            <pc:docMk/>
            <pc:sldMk cId="430956393" sldId="952"/>
            <ac:spMk id="180" creationId="{75ACA9EE-E921-430A-BF75-FB1FF7F4C7B0}"/>
          </ac:spMkLst>
        </pc:spChg>
        <pc:spChg chg="mod">
          <ac:chgData name="Von Brock, Ryan CDT (EDU)" userId="906a1a04-0a10-4aa7-bed1-b7f4598a8a36" providerId="ADAL" clId="{9F82352B-AC4B-4A5F-AB5E-7A48EFDA7CB6}" dt="2021-11-09T03:25:43.215" v="5401" actId="255"/>
          <ac:spMkLst>
            <pc:docMk/>
            <pc:sldMk cId="430956393" sldId="952"/>
            <ac:spMk id="181" creationId="{D3EC21B9-7B52-41A6-B299-7542D416906E}"/>
          </ac:spMkLst>
        </pc:spChg>
        <pc:spChg chg="add mod">
          <ac:chgData name="Von Brock, Ryan CDT (EDU)" userId="906a1a04-0a10-4aa7-bed1-b7f4598a8a36" providerId="ADAL" clId="{9F82352B-AC4B-4A5F-AB5E-7A48EFDA7CB6}" dt="2021-11-09T03:25:43.215" v="5401" actId="255"/>
          <ac:spMkLst>
            <pc:docMk/>
            <pc:sldMk cId="430956393" sldId="952"/>
            <ac:spMk id="182" creationId="{EE857ABE-3412-4F99-BD57-D5ED4E706434}"/>
          </ac:spMkLst>
        </pc:spChg>
        <pc:spChg chg="mod">
          <ac:chgData name="Von Brock, Ryan CDT (EDU)" userId="906a1a04-0a10-4aa7-bed1-b7f4598a8a36" providerId="ADAL" clId="{9F82352B-AC4B-4A5F-AB5E-7A48EFDA7CB6}" dt="2021-11-09T03:28:17.799" v="5438" actId="20577"/>
          <ac:spMkLst>
            <pc:docMk/>
            <pc:sldMk cId="430956393" sldId="952"/>
            <ac:spMk id="183" creationId="{72F9F95E-003F-4E3A-978D-1BCB4CE1147A}"/>
          </ac:spMkLst>
        </pc:spChg>
        <pc:spChg chg="add mod">
          <ac:chgData name="Von Brock, Ryan CDT (EDU)" userId="906a1a04-0a10-4aa7-bed1-b7f4598a8a36" providerId="ADAL" clId="{9F82352B-AC4B-4A5F-AB5E-7A48EFDA7CB6}" dt="2021-11-09T03:26:02.384" v="5407" actId="1076"/>
          <ac:spMkLst>
            <pc:docMk/>
            <pc:sldMk cId="430956393" sldId="952"/>
            <ac:spMk id="184" creationId="{E5993D75-AC00-4B00-96C2-4D18D98FCB58}"/>
          </ac:spMkLst>
        </pc:spChg>
        <pc:spChg chg="mod">
          <ac:chgData name="Von Brock, Ryan CDT (EDU)" userId="906a1a04-0a10-4aa7-bed1-b7f4598a8a36" providerId="ADAL" clId="{9F82352B-AC4B-4A5F-AB5E-7A48EFDA7CB6}" dt="2021-11-09T03:28:33.779" v="5441" actId="14100"/>
          <ac:spMkLst>
            <pc:docMk/>
            <pc:sldMk cId="430956393" sldId="952"/>
            <ac:spMk id="186" creationId="{84F72997-3242-4CD1-829B-3B9703F997C4}"/>
          </ac:spMkLst>
        </pc:spChg>
        <pc:spChg chg="mod">
          <ac:chgData name="Von Brock, Ryan CDT (EDU)" userId="906a1a04-0a10-4aa7-bed1-b7f4598a8a36" providerId="ADAL" clId="{9F82352B-AC4B-4A5F-AB5E-7A48EFDA7CB6}" dt="2021-11-09T03:28:39.613" v="5443" actId="1076"/>
          <ac:spMkLst>
            <pc:docMk/>
            <pc:sldMk cId="430956393" sldId="952"/>
            <ac:spMk id="187" creationId="{72AD3998-C95B-48A6-82B2-FFD7115723B6}"/>
          </ac:spMkLst>
        </pc:spChg>
        <pc:spChg chg="add del mod">
          <ac:chgData name="Von Brock, Ryan CDT (EDU)" userId="906a1a04-0a10-4aa7-bed1-b7f4598a8a36" providerId="ADAL" clId="{9F82352B-AC4B-4A5F-AB5E-7A48EFDA7CB6}" dt="2021-11-09T02:41:19.508" v="4741" actId="478"/>
          <ac:spMkLst>
            <pc:docMk/>
            <pc:sldMk cId="430956393" sldId="952"/>
            <ac:spMk id="188" creationId="{A81B95D5-7E4D-4B0F-B590-9BB9289F362B}"/>
          </ac:spMkLst>
        </pc:spChg>
        <pc:spChg chg="mod">
          <ac:chgData name="Von Brock, Ryan CDT (EDU)" userId="906a1a04-0a10-4aa7-bed1-b7f4598a8a36" providerId="ADAL" clId="{9F82352B-AC4B-4A5F-AB5E-7A48EFDA7CB6}" dt="2021-11-09T03:28:42.704" v="5444" actId="14100"/>
          <ac:spMkLst>
            <pc:docMk/>
            <pc:sldMk cId="430956393" sldId="952"/>
            <ac:spMk id="189" creationId="{8658C66E-ED16-4F14-ABA1-7DB38BC8D29E}"/>
          </ac:spMkLst>
        </pc:spChg>
        <pc:spChg chg="mod">
          <ac:chgData name="Von Brock, Ryan CDT (EDU)" userId="906a1a04-0a10-4aa7-bed1-b7f4598a8a36" providerId="ADAL" clId="{9F82352B-AC4B-4A5F-AB5E-7A48EFDA7CB6}" dt="2021-11-09T03:28:51.186" v="5445" actId="1076"/>
          <ac:spMkLst>
            <pc:docMk/>
            <pc:sldMk cId="430956393" sldId="952"/>
            <ac:spMk id="190" creationId="{77398F2B-8E49-41F0-95C7-2BB73FE5F70C}"/>
          </ac:spMkLst>
        </pc:spChg>
        <pc:spChg chg="add mod">
          <ac:chgData name="Von Brock, Ryan CDT (EDU)" userId="906a1a04-0a10-4aa7-bed1-b7f4598a8a36" providerId="ADAL" clId="{9F82352B-AC4B-4A5F-AB5E-7A48EFDA7CB6}" dt="2021-11-09T03:49:36.324" v="5503" actId="14100"/>
          <ac:spMkLst>
            <pc:docMk/>
            <pc:sldMk cId="430956393" sldId="952"/>
            <ac:spMk id="191" creationId="{A00937E5-F72E-485C-8E81-B86ADF928208}"/>
          </ac:spMkLst>
        </pc:spChg>
        <pc:spChg chg="add mod">
          <ac:chgData name="Von Brock, Ryan CDT (EDU)" userId="906a1a04-0a10-4aa7-bed1-b7f4598a8a36" providerId="ADAL" clId="{9F82352B-AC4B-4A5F-AB5E-7A48EFDA7CB6}" dt="2021-11-09T03:49:41.702" v="5504" actId="1076"/>
          <ac:spMkLst>
            <pc:docMk/>
            <pc:sldMk cId="430956393" sldId="952"/>
            <ac:spMk id="192" creationId="{C9E77509-B635-4E79-8954-E886F88BBED7}"/>
          </ac:spMkLst>
        </pc:spChg>
        <pc:spChg chg="add mod">
          <ac:chgData name="Von Brock, Ryan CDT (EDU)" userId="906a1a04-0a10-4aa7-bed1-b7f4598a8a36" providerId="ADAL" clId="{9F82352B-AC4B-4A5F-AB5E-7A48EFDA7CB6}" dt="2021-11-09T03:25:43.215" v="5401" actId="255"/>
          <ac:spMkLst>
            <pc:docMk/>
            <pc:sldMk cId="430956393" sldId="952"/>
            <ac:spMk id="193" creationId="{3DDDA782-9E23-4071-BED2-6700034BEFC8}"/>
          </ac:spMkLst>
        </pc:spChg>
        <pc:spChg chg="add mod">
          <ac:chgData name="Von Brock, Ryan CDT (EDU)" userId="906a1a04-0a10-4aa7-bed1-b7f4598a8a36" providerId="ADAL" clId="{9F82352B-AC4B-4A5F-AB5E-7A48EFDA7CB6}" dt="2021-11-09T03:27:52.837" v="5437" actId="1076"/>
          <ac:spMkLst>
            <pc:docMk/>
            <pc:sldMk cId="430956393" sldId="952"/>
            <ac:spMk id="194" creationId="{290DA166-7AD4-419E-BB44-1C2775591E58}"/>
          </ac:spMkLst>
        </pc:spChg>
        <pc:spChg chg="add mod">
          <ac:chgData name="Von Brock, Ryan CDT (EDU)" userId="906a1a04-0a10-4aa7-bed1-b7f4598a8a36" providerId="ADAL" clId="{9F82352B-AC4B-4A5F-AB5E-7A48EFDA7CB6}" dt="2021-11-09T03:26:34.056" v="5417" actId="14100"/>
          <ac:spMkLst>
            <pc:docMk/>
            <pc:sldMk cId="430956393" sldId="952"/>
            <ac:spMk id="195" creationId="{04CB000B-872E-4BE0-95A9-7E7111A43D21}"/>
          </ac:spMkLst>
        </pc:spChg>
        <pc:spChg chg="add mod">
          <ac:chgData name="Von Brock, Ryan CDT (EDU)" userId="906a1a04-0a10-4aa7-bed1-b7f4598a8a36" providerId="ADAL" clId="{9F82352B-AC4B-4A5F-AB5E-7A48EFDA7CB6}" dt="2021-11-09T03:49:45.047" v="5505" actId="1076"/>
          <ac:spMkLst>
            <pc:docMk/>
            <pc:sldMk cId="430956393" sldId="952"/>
            <ac:spMk id="196" creationId="{7C761381-1F51-46C1-9F8F-34CFAA00D90C}"/>
          </ac:spMkLst>
        </pc:spChg>
        <pc:spChg chg="add mod">
          <ac:chgData name="Von Brock, Ryan CDT (EDU)" userId="906a1a04-0a10-4aa7-bed1-b7f4598a8a36" providerId="ADAL" clId="{9F82352B-AC4B-4A5F-AB5E-7A48EFDA7CB6}" dt="2021-11-09T03:25:43.215" v="5401" actId="255"/>
          <ac:spMkLst>
            <pc:docMk/>
            <pc:sldMk cId="430956393" sldId="952"/>
            <ac:spMk id="197" creationId="{674B0A45-41ED-4F1F-B379-CB4AA408E24E}"/>
          </ac:spMkLst>
        </pc:spChg>
        <pc:spChg chg="add mod">
          <ac:chgData name="Von Brock, Ryan CDT (EDU)" userId="906a1a04-0a10-4aa7-bed1-b7f4598a8a36" providerId="ADAL" clId="{9F82352B-AC4B-4A5F-AB5E-7A48EFDA7CB6}" dt="2021-11-09T03:29:39.966" v="5448" actId="1076"/>
          <ac:spMkLst>
            <pc:docMk/>
            <pc:sldMk cId="430956393" sldId="952"/>
            <ac:spMk id="198" creationId="{BC531644-5030-43FA-B1A5-ADEB5CF332F5}"/>
          </ac:spMkLst>
        </pc:spChg>
        <pc:spChg chg="mod">
          <ac:chgData name="Von Brock, Ryan CDT (EDU)" userId="906a1a04-0a10-4aa7-bed1-b7f4598a8a36" providerId="ADAL" clId="{9F82352B-AC4B-4A5F-AB5E-7A48EFDA7CB6}" dt="2021-11-09T03:26:05.909" v="5408" actId="1076"/>
          <ac:spMkLst>
            <pc:docMk/>
            <pc:sldMk cId="430956393" sldId="952"/>
            <ac:spMk id="199" creationId="{AC497AE4-18E7-4389-B96F-C4C656B74CEB}"/>
          </ac:spMkLst>
        </pc:spChg>
        <pc:spChg chg="mod">
          <ac:chgData name="Von Brock, Ryan CDT (EDU)" userId="906a1a04-0a10-4aa7-bed1-b7f4598a8a36" providerId="ADAL" clId="{9F82352B-AC4B-4A5F-AB5E-7A48EFDA7CB6}" dt="2021-11-09T03:26:11.077" v="5409" actId="1076"/>
          <ac:spMkLst>
            <pc:docMk/>
            <pc:sldMk cId="430956393" sldId="952"/>
            <ac:spMk id="201" creationId="{A9DF5F26-D28A-4C25-B274-4FF36D499BCB}"/>
          </ac:spMkLst>
        </pc:spChg>
        <pc:spChg chg="add del mod">
          <ac:chgData name="Von Brock, Ryan CDT (EDU)" userId="906a1a04-0a10-4aa7-bed1-b7f4598a8a36" providerId="ADAL" clId="{9F82352B-AC4B-4A5F-AB5E-7A48EFDA7CB6}" dt="2021-11-09T02:56:41.625" v="5047" actId="478"/>
          <ac:spMkLst>
            <pc:docMk/>
            <pc:sldMk cId="430956393" sldId="952"/>
            <ac:spMk id="202" creationId="{AC9A788C-D752-402E-AC3B-903AF87FAB91}"/>
          </ac:spMkLst>
        </pc:spChg>
        <pc:spChg chg="add del mod">
          <ac:chgData name="Von Brock, Ryan CDT (EDU)" userId="906a1a04-0a10-4aa7-bed1-b7f4598a8a36" providerId="ADAL" clId="{9F82352B-AC4B-4A5F-AB5E-7A48EFDA7CB6}" dt="2021-11-09T02:56:40.890" v="5046" actId="478"/>
          <ac:spMkLst>
            <pc:docMk/>
            <pc:sldMk cId="430956393" sldId="952"/>
            <ac:spMk id="203" creationId="{8AE5A7D5-0B0E-45B8-9328-C60B8275A7CD}"/>
          </ac:spMkLst>
        </pc:spChg>
        <pc:spChg chg="add mod ord">
          <ac:chgData name="Von Brock, Ryan CDT (EDU)" userId="906a1a04-0a10-4aa7-bed1-b7f4598a8a36" providerId="ADAL" clId="{9F82352B-AC4B-4A5F-AB5E-7A48EFDA7CB6}" dt="2021-11-09T03:27:50.107" v="5436" actId="1076"/>
          <ac:spMkLst>
            <pc:docMk/>
            <pc:sldMk cId="430956393" sldId="952"/>
            <ac:spMk id="204" creationId="{BC97D9A3-AD92-4CAB-8B31-7ADB9201A889}"/>
          </ac:spMkLst>
        </pc:spChg>
        <pc:spChg chg="add mod">
          <ac:chgData name="Von Brock, Ryan CDT (EDU)" userId="906a1a04-0a10-4aa7-bed1-b7f4598a8a36" providerId="ADAL" clId="{9F82352B-AC4B-4A5F-AB5E-7A48EFDA7CB6}" dt="2021-11-09T03:27:47.676" v="5435" actId="14100"/>
          <ac:spMkLst>
            <pc:docMk/>
            <pc:sldMk cId="430956393" sldId="952"/>
            <ac:spMk id="205" creationId="{D2C9EDE4-8202-4C05-B5B8-B5C4F17038F0}"/>
          </ac:spMkLst>
        </pc:spChg>
        <pc:spChg chg="add mod">
          <ac:chgData name="Von Brock, Ryan CDT (EDU)" userId="906a1a04-0a10-4aa7-bed1-b7f4598a8a36" providerId="ADAL" clId="{9F82352B-AC4B-4A5F-AB5E-7A48EFDA7CB6}" dt="2021-11-09T03:26:54.178" v="5423" actId="1076"/>
          <ac:spMkLst>
            <pc:docMk/>
            <pc:sldMk cId="430956393" sldId="952"/>
            <ac:spMk id="227" creationId="{3A0F35D6-B41C-42E4-98A2-CCF5FD5ECC39}"/>
          </ac:spMkLst>
        </pc:spChg>
        <pc:spChg chg="add mod">
          <ac:chgData name="Von Brock, Ryan CDT (EDU)" userId="906a1a04-0a10-4aa7-bed1-b7f4598a8a36" providerId="ADAL" clId="{9F82352B-AC4B-4A5F-AB5E-7A48EFDA7CB6}" dt="2021-11-09T03:27:37.499" v="5432" actId="14100"/>
          <ac:spMkLst>
            <pc:docMk/>
            <pc:sldMk cId="430956393" sldId="952"/>
            <ac:spMk id="231" creationId="{24675A6C-0072-440B-AA7E-8C06FE747EEB}"/>
          </ac:spMkLst>
        </pc:spChg>
        <pc:spChg chg="add mod">
          <ac:chgData name="Von Brock, Ryan CDT (EDU)" userId="906a1a04-0a10-4aa7-bed1-b7f4598a8a36" providerId="ADAL" clId="{9F82352B-AC4B-4A5F-AB5E-7A48EFDA7CB6}" dt="2021-11-09T03:27:40.671" v="5433" actId="1076"/>
          <ac:spMkLst>
            <pc:docMk/>
            <pc:sldMk cId="430956393" sldId="952"/>
            <ac:spMk id="232" creationId="{122AB2E2-9A9F-4F37-839C-FE3F4319C7D2}"/>
          </ac:spMkLst>
        </pc:spChg>
        <pc:spChg chg="add mod">
          <ac:chgData name="Von Brock, Ryan CDT (EDU)" userId="906a1a04-0a10-4aa7-bed1-b7f4598a8a36" providerId="ADAL" clId="{9F82352B-AC4B-4A5F-AB5E-7A48EFDA7CB6}" dt="2021-11-09T03:25:43.215" v="5401" actId="255"/>
          <ac:spMkLst>
            <pc:docMk/>
            <pc:sldMk cId="430956393" sldId="952"/>
            <ac:spMk id="242" creationId="{686FB7B4-14AA-4C7F-8280-22617E510FBB}"/>
          </ac:spMkLst>
        </pc:spChg>
        <pc:spChg chg="add mod">
          <ac:chgData name="Von Brock, Ryan CDT (EDU)" userId="906a1a04-0a10-4aa7-bed1-b7f4598a8a36" providerId="ADAL" clId="{9F82352B-AC4B-4A5F-AB5E-7A48EFDA7CB6}" dt="2021-11-09T03:29:41.893" v="5449" actId="1076"/>
          <ac:spMkLst>
            <pc:docMk/>
            <pc:sldMk cId="430956393" sldId="952"/>
            <ac:spMk id="243" creationId="{0B348496-8207-49D9-96C4-8F6C935D98D5}"/>
          </ac:spMkLst>
        </pc:spChg>
        <pc:spChg chg="add mod">
          <ac:chgData name="Von Brock, Ryan CDT (EDU)" userId="906a1a04-0a10-4aa7-bed1-b7f4598a8a36" providerId="ADAL" clId="{9F82352B-AC4B-4A5F-AB5E-7A48EFDA7CB6}" dt="2021-11-09T03:27:44.781" v="5434" actId="14100"/>
          <ac:spMkLst>
            <pc:docMk/>
            <pc:sldMk cId="430956393" sldId="952"/>
            <ac:spMk id="244" creationId="{BC55D525-E6AA-41BB-9D40-38B5B358093C}"/>
          </ac:spMkLst>
        </pc:spChg>
        <pc:spChg chg="add mod">
          <ac:chgData name="Von Brock, Ryan CDT (EDU)" userId="906a1a04-0a10-4aa7-bed1-b7f4598a8a36" providerId="ADAL" clId="{9F82352B-AC4B-4A5F-AB5E-7A48EFDA7CB6}" dt="2021-11-09T03:25:43.215" v="5401" actId="255"/>
          <ac:spMkLst>
            <pc:docMk/>
            <pc:sldMk cId="430956393" sldId="952"/>
            <ac:spMk id="245" creationId="{FC478A72-2BBB-480C-8C88-FFF1BEE7D411}"/>
          </ac:spMkLst>
        </pc:spChg>
        <pc:spChg chg="add del mod">
          <ac:chgData name="Von Brock, Ryan CDT (EDU)" userId="906a1a04-0a10-4aa7-bed1-b7f4598a8a36" providerId="ADAL" clId="{9F82352B-AC4B-4A5F-AB5E-7A48EFDA7CB6}" dt="2021-11-09T03:20:41.296" v="5351" actId="478"/>
          <ac:spMkLst>
            <pc:docMk/>
            <pc:sldMk cId="430956393" sldId="952"/>
            <ac:spMk id="246" creationId="{5900B48C-0C29-4505-9482-FE5346AA4C6B}"/>
          </ac:spMkLst>
        </pc:spChg>
        <pc:spChg chg="add mod">
          <ac:chgData name="Von Brock, Ryan CDT (EDU)" userId="906a1a04-0a10-4aa7-bed1-b7f4598a8a36" providerId="ADAL" clId="{9F82352B-AC4B-4A5F-AB5E-7A48EFDA7CB6}" dt="2021-11-09T03:31:48.867" v="5488" actId="20577"/>
          <ac:spMkLst>
            <pc:docMk/>
            <pc:sldMk cId="430956393" sldId="952"/>
            <ac:spMk id="248" creationId="{B2E03559-070B-40DC-B2EB-C05A932839E2}"/>
          </ac:spMkLst>
        </pc:spChg>
        <pc:spChg chg="mod">
          <ac:chgData name="Von Brock, Ryan CDT (EDU)" userId="906a1a04-0a10-4aa7-bed1-b7f4598a8a36" providerId="ADAL" clId="{9F82352B-AC4B-4A5F-AB5E-7A48EFDA7CB6}" dt="2021-11-09T03:24:19.472" v="5388" actId="403"/>
          <ac:spMkLst>
            <pc:docMk/>
            <pc:sldMk cId="430956393" sldId="952"/>
            <ac:spMk id="255" creationId="{6935B8F6-04F7-40E4-8003-7A77D55BF9AE}"/>
          </ac:spMkLst>
        </pc:spChg>
        <pc:spChg chg="mod">
          <ac:chgData name="Von Brock, Ryan CDT (EDU)" userId="906a1a04-0a10-4aa7-bed1-b7f4598a8a36" providerId="ADAL" clId="{9F82352B-AC4B-4A5F-AB5E-7A48EFDA7CB6}" dt="2021-11-09T03:24:25.060" v="5389" actId="403"/>
          <ac:spMkLst>
            <pc:docMk/>
            <pc:sldMk cId="430956393" sldId="952"/>
            <ac:spMk id="256" creationId="{D61E19DE-AC27-4D47-9CC4-E0D46D51E43B}"/>
          </ac:spMkLst>
        </pc:spChg>
        <pc:spChg chg="mod">
          <ac:chgData name="Von Brock, Ryan CDT (EDU)" userId="906a1a04-0a10-4aa7-bed1-b7f4598a8a36" providerId="ADAL" clId="{9F82352B-AC4B-4A5F-AB5E-7A48EFDA7CB6}" dt="2021-11-09T03:02:19.235" v="5136" actId="1076"/>
          <ac:spMkLst>
            <pc:docMk/>
            <pc:sldMk cId="430956393" sldId="952"/>
            <ac:spMk id="257" creationId="{5164B6AF-FB72-4C33-BA41-5769FE134EBE}"/>
          </ac:spMkLst>
        </pc:spChg>
        <pc:spChg chg="mod">
          <ac:chgData name="Von Brock, Ryan CDT (EDU)" userId="906a1a04-0a10-4aa7-bed1-b7f4598a8a36" providerId="ADAL" clId="{9F82352B-AC4B-4A5F-AB5E-7A48EFDA7CB6}" dt="2021-11-09T02:51:09.210" v="5017" actId="1076"/>
          <ac:spMkLst>
            <pc:docMk/>
            <pc:sldMk cId="430956393" sldId="952"/>
            <ac:spMk id="258" creationId="{49143C27-36E2-4621-8CED-E79E1458B246}"/>
          </ac:spMkLst>
        </pc:spChg>
        <pc:spChg chg="mod">
          <ac:chgData name="Von Brock, Ryan CDT (EDU)" userId="906a1a04-0a10-4aa7-bed1-b7f4598a8a36" providerId="ADAL" clId="{9F82352B-AC4B-4A5F-AB5E-7A48EFDA7CB6}" dt="2021-11-09T03:25:43.215" v="5401" actId="255"/>
          <ac:spMkLst>
            <pc:docMk/>
            <pc:sldMk cId="430956393" sldId="952"/>
            <ac:spMk id="259" creationId="{F2D4520A-38CE-47AD-95AE-365BEFB302E0}"/>
          </ac:spMkLst>
        </pc:spChg>
        <pc:spChg chg="mod">
          <ac:chgData name="Von Brock, Ryan CDT (EDU)" userId="906a1a04-0a10-4aa7-bed1-b7f4598a8a36" providerId="ADAL" clId="{9F82352B-AC4B-4A5F-AB5E-7A48EFDA7CB6}" dt="2021-11-09T03:30:07.516" v="5453" actId="403"/>
          <ac:spMkLst>
            <pc:docMk/>
            <pc:sldMk cId="430956393" sldId="952"/>
            <ac:spMk id="260" creationId="{60C356A1-117F-47EE-945F-4A60AC3AC99E}"/>
          </ac:spMkLst>
        </pc:spChg>
        <pc:spChg chg="mod">
          <ac:chgData name="Von Brock, Ryan CDT (EDU)" userId="906a1a04-0a10-4aa7-bed1-b7f4598a8a36" providerId="ADAL" clId="{9F82352B-AC4B-4A5F-AB5E-7A48EFDA7CB6}" dt="2021-11-09T03:30:28.791" v="5459" actId="1076"/>
          <ac:spMkLst>
            <pc:docMk/>
            <pc:sldMk cId="430956393" sldId="952"/>
            <ac:spMk id="261" creationId="{356553E3-4E20-4E2D-B81A-13C9A647BD76}"/>
          </ac:spMkLst>
        </pc:spChg>
        <pc:spChg chg="del mod">
          <ac:chgData name="Von Brock, Ryan CDT (EDU)" userId="906a1a04-0a10-4aa7-bed1-b7f4598a8a36" providerId="ADAL" clId="{9F82352B-AC4B-4A5F-AB5E-7A48EFDA7CB6}" dt="2021-11-09T02:36:14.303" v="4687" actId="478"/>
          <ac:spMkLst>
            <pc:docMk/>
            <pc:sldMk cId="430956393" sldId="952"/>
            <ac:spMk id="262" creationId="{2720EF42-C4B4-4C5C-8F4D-D6A9392A1F99}"/>
          </ac:spMkLst>
        </pc:spChg>
        <pc:spChg chg="del mod">
          <ac:chgData name="Von Brock, Ryan CDT (EDU)" userId="906a1a04-0a10-4aa7-bed1-b7f4598a8a36" providerId="ADAL" clId="{9F82352B-AC4B-4A5F-AB5E-7A48EFDA7CB6}" dt="2021-11-09T02:36:06.624" v="4685" actId="478"/>
          <ac:spMkLst>
            <pc:docMk/>
            <pc:sldMk cId="430956393" sldId="952"/>
            <ac:spMk id="263" creationId="{02D508F5-9AE7-47AB-AFBA-BC4C04113DEA}"/>
          </ac:spMkLst>
        </pc:spChg>
        <pc:spChg chg="mod">
          <ac:chgData name="Von Brock, Ryan CDT (EDU)" userId="906a1a04-0a10-4aa7-bed1-b7f4598a8a36" providerId="ADAL" clId="{9F82352B-AC4B-4A5F-AB5E-7A48EFDA7CB6}" dt="2021-11-09T03:16:17.769" v="5291" actId="1076"/>
          <ac:spMkLst>
            <pc:docMk/>
            <pc:sldMk cId="430956393" sldId="952"/>
            <ac:spMk id="264" creationId="{9F505A5F-0530-4B5C-B959-B6D23EAEFE1B}"/>
          </ac:spMkLst>
        </pc:spChg>
        <pc:spChg chg="mod">
          <ac:chgData name="Von Brock, Ryan CDT (EDU)" userId="906a1a04-0a10-4aa7-bed1-b7f4598a8a36" providerId="ADAL" clId="{9F82352B-AC4B-4A5F-AB5E-7A48EFDA7CB6}" dt="2021-11-09T02:50:51.623" v="5015" actId="1076"/>
          <ac:spMkLst>
            <pc:docMk/>
            <pc:sldMk cId="430956393" sldId="952"/>
            <ac:spMk id="265" creationId="{FAEB5B82-0F4F-466B-B7BF-CAD3FB454B8F}"/>
          </ac:spMkLst>
        </pc:spChg>
        <pc:spChg chg="mod">
          <ac:chgData name="Von Brock, Ryan CDT (EDU)" userId="906a1a04-0a10-4aa7-bed1-b7f4598a8a36" providerId="ADAL" clId="{9F82352B-AC4B-4A5F-AB5E-7A48EFDA7CB6}" dt="2021-11-09T03:25:43.215" v="5401" actId="255"/>
          <ac:spMkLst>
            <pc:docMk/>
            <pc:sldMk cId="430956393" sldId="952"/>
            <ac:spMk id="266" creationId="{8E53C2F1-9DF4-45BC-B165-E23E12649153}"/>
          </ac:spMkLst>
        </pc:spChg>
        <pc:spChg chg="mod">
          <ac:chgData name="Von Brock, Ryan CDT (EDU)" userId="906a1a04-0a10-4aa7-bed1-b7f4598a8a36" providerId="ADAL" clId="{9F82352B-AC4B-4A5F-AB5E-7A48EFDA7CB6}" dt="2021-11-09T03:30:11.872" v="5455" actId="403"/>
          <ac:spMkLst>
            <pc:docMk/>
            <pc:sldMk cId="430956393" sldId="952"/>
            <ac:spMk id="267" creationId="{5F30CDF5-A08A-4C5F-AB31-D402F99C98BD}"/>
          </ac:spMkLst>
        </pc:spChg>
        <pc:spChg chg="mod">
          <ac:chgData name="Von Brock, Ryan CDT (EDU)" userId="906a1a04-0a10-4aa7-bed1-b7f4598a8a36" providerId="ADAL" clId="{9F82352B-AC4B-4A5F-AB5E-7A48EFDA7CB6}" dt="2021-11-09T03:25:43.215" v="5401" actId="255"/>
          <ac:spMkLst>
            <pc:docMk/>
            <pc:sldMk cId="430956393" sldId="952"/>
            <ac:spMk id="268" creationId="{D2891A07-CEEB-4EB0-B799-2E135A83DB46}"/>
          </ac:spMkLst>
        </pc:spChg>
        <pc:spChg chg="del mod">
          <ac:chgData name="Von Brock, Ryan CDT (EDU)" userId="906a1a04-0a10-4aa7-bed1-b7f4598a8a36" providerId="ADAL" clId="{9F82352B-AC4B-4A5F-AB5E-7A48EFDA7CB6}" dt="2021-11-09T02:36:50.066" v="4690" actId="478"/>
          <ac:spMkLst>
            <pc:docMk/>
            <pc:sldMk cId="430956393" sldId="952"/>
            <ac:spMk id="269" creationId="{7CA9930D-9483-44CB-BB70-3F18C3DCD3CC}"/>
          </ac:spMkLst>
        </pc:spChg>
        <pc:spChg chg="del mod">
          <ac:chgData name="Von Brock, Ryan CDT (EDU)" userId="906a1a04-0a10-4aa7-bed1-b7f4598a8a36" providerId="ADAL" clId="{9F82352B-AC4B-4A5F-AB5E-7A48EFDA7CB6}" dt="2021-11-09T02:36:48.141" v="4689" actId="478"/>
          <ac:spMkLst>
            <pc:docMk/>
            <pc:sldMk cId="430956393" sldId="952"/>
            <ac:spMk id="270" creationId="{F9BA3A2E-234A-402C-954A-04ECFC9BCDDC}"/>
          </ac:spMkLst>
        </pc:spChg>
        <pc:spChg chg="mod">
          <ac:chgData name="Von Brock, Ryan CDT (EDU)" userId="906a1a04-0a10-4aa7-bed1-b7f4598a8a36" providerId="ADAL" clId="{9F82352B-AC4B-4A5F-AB5E-7A48EFDA7CB6}" dt="2021-11-09T02:49:57.773" v="5009" actId="14100"/>
          <ac:spMkLst>
            <pc:docMk/>
            <pc:sldMk cId="430956393" sldId="952"/>
            <ac:spMk id="271" creationId="{D57CD687-29D6-4D5B-A21A-4D3E2F06A506}"/>
          </ac:spMkLst>
        </pc:spChg>
        <pc:spChg chg="mod">
          <ac:chgData name="Von Brock, Ryan CDT (EDU)" userId="906a1a04-0a10-4aa7-bed1-b7f4598a8a36" providerId="ADAL" clId="{9F82352B-AC4B-4A5F-AB5E-7A48EFDA7CB6}" dt="2021-11-09T02:49:57.773" v="5009" actId="14100"/>
          <ac:spMkLst>
            <pc:docMk/>
            <pc:sldMk cId="430956393" sldId="952"/>
            <ac:spMk id="272" creationId="{0921C019-0F5B-44DC-A415-933C0AD6E922}"/>
          </ac:spMkLst>
        </pc:spChg>
        <pc:spChg chg="mod">
          <ac:chgData name="Von Brock, Ryan CDT (EDU)" userId="906a1a04-0a10-4aa7-bed1-b7f4598a8a36" providerId="ADAL" clId="{9F82352B-AC4B-4A5F-AB5E-7A48EFDA7CB6}" dt="2021-11-09T03:25:43.215" v="5401" actId="255"/>
          <ac:spMkLst>
            <pc:docMk/>
            <pc:sldMk cId="430956393" sldId="952"/>
            <ac:spMk id="273" creationId="{FA008D9C-FE9F-425B-8D4C-35CDCFDF6E26}"/>
          </ac:spMkLst>
        </pc:spChg>
        <pc:spChg chg="mod">
          <ac:chgData name="Von Brock, Ryan CDT (EDU)" userId="906a1a04-0a10-4aa7-bed1-b7f4598a8a36" providerId="ADAL" clId="{9F82352B-AC4B-4A5F-AB5E-7A48EFDA7CB6}" dt="2021-11-09T03:30:16.034" v="5457" actId="403"/>
          <ac:spMkLst>
            <pc:docMk/>
            <pc:sldMk cId="430956393" sldId="952"/>
            <ac:spMk id="274" creationId="{2947466C-5F86-4863-8D94-8601B2A33086}"/>
          </ac:spMkLst>
        </pc:spChg>
        <pc:spChg chg="mod">
          <ac:chgData name="Von Brock, Ryan CDT (EDU)" userId="906a1a04-0a10-4aa7-bed1-b7f4598a8a36" providerId="ADAL" clId="{9F82352B-AC4B-4A5F-AB5E-7A48EFDA7CB6}" dt="2021-11-09T03:25:52.765" v="5405" actId="403"/>
          <ac:spMkLst>
            <pc:docMk/>
            <pc:sldMk cId="430956393" sldId="952"/>
            <ac:spMk id="275" creationId="{B04BCFC0-45A6-437B-89B7-52A27843B8DC}"/>
          </ac:spMkLst>
        </pc:spChg>
        <pc:spChg chg="mod">
          <ac:chgData name="Von Brock, Ryan CDT (EDU)" userId="906a1a04-0a10-4aa7-bed1-b7f4598a8a36" providerId="ADAL" clId="{9F82352B-AC4B-4A5F-AB5E-7A48EFDA7CB6}" dt="2021-11-08T18:41:10.706" v="3093" actId="1035"/>
          <ac:spMkLst>
            <pc:docMk/>
            <pc:sldMk cId="430956393" sldId="952"/>
            <ac:spMk id="276" creationId="{171A18D7-FCC4-4187-B0CD-6FFCC6A17902}"/>
          </ac:spMkLst>
        </pc:spChg>
        <pc:spChg chg="mod">
          <ac:chgData name="Von Brock, Ryan CDT (EDU)" userId="906a1a04-0a10-4aa7-bed1-b7f4598a8a36" providerId="ADAL" clId="{9F82352B-AC4B-4A5F-AB5E-7A48EFDA7CB6}" dt="2021-11-08T18:41:10.706" v="3093" actId="1035"/>
          <ac:spMkLst>
            <pc:docMk/>
            <pc:sldMk cId="430956393" sldId="952"/>
            <ac:spMk id="277" creationId="{E7C014F9-FF55-4AA3-94D7-39F247FF4B34}"/>
          </ac:spMkLst>
        </pc:spChg>
        <pc:spChg chg="del mod">
          <ac:chgData name="Von Brock, Ryan CDT (EDU)" userId="906a1a04-0a10-4aa7-bed1-b7f4598a8a36" providerId="ADAL" clId="{9F82352B-AC4B-4A5F-AB5E-7A48EFDA7CB6}" dt="2021-11-09T02:47:31.386" v="4826" actId="478"/>
          <ac:spMkLst>
            <pc:docMk/>
            <pc:sldMk cId="430956393" sldId="952"/>
            <ac:spMk id="278" creationId="{184E5F54-B49C-4273-9719-143DBB0FFC84}"/>
          </ac:spMkLst>
        </pc:spChg>
        <pc:spChg chg="del mod">
          <ac:chgData name="Von Brock, Ryan CDT (EDU)" userId="906a1a04-0a10-4aa7-bed1-b7f4598a8a36" providerId="ADAL" clId="{9F82352B-AC4B-4A5F-AB5E-7A48EFDA7CB6}" dt="2021-11-09T02:47:33.328" v="4827" actId="478"/>
          <ac:spMkLst>
            <pc:docMk/>
            <pc:sldMk cId="430956393" sldId="952"/>
            <ac:spMk id="279" creationId="{E108CAF6-6E41-4D9F-AE4B-2C8C7A97A634}"/>
          </ac:spMkLst>
        </pc:spChg>
        <pc:spChg chg="del mod">
          <ac:chgData name="Von Brock, Ryan CDT (EDU)" userId="906a1a04-0a10-4aa7-bed1-b7f4598a8a36" providerId="ADAL" clId="{9F82352B-AC4B-4A5F-AB5E-7A48EFDA7CB6}" dt="2021-11-09T02:47:36.042" v="4829" actId="478"/>
          <ac:spMkLst>
            <pc:docMk/>
            <pc:sldMk cId="430956393" sldId="952"/>
            <ac:spMk id="280" creationId="{83134D16-09ED-4AE1-A15D-C8FB18D3E506}"/>
          </ac:spMkLst>
        </pc:spChg>
        <pc:spChg chg="del mod">
          <ac:chgData name="Von Brock, Ryan CDT (EDU)" userId="906a1a04-0a10-4aa7-bed1-b7f4598a8a36" providerId="ADAL" clId="{9F82352B-AC4B-4A5F-AB5E-7A48EFDA7CB6}" dt="2021-11-09T02:47:35.241" v="4828" actId="478"/>
          <ac:spMkLst>
            <pc:docMk/>
            <pc:sldMk cId="430956393" sldId="952"/>
            <ac:spMk id="281" creationId="{F76F94EB-75E0-42DF-8FCB-EFC41B6E9F91}"/>
          </ac:spMkLst>
        </pc:spChg>
        <pc:spChg chg="del mod">
          <ac:chgData name="Von Brock, Ryan CDT (EDU)" userId="906a1a04-0a10-4aa7-bed1-b7f4598a8a36" providerId="ADAL" clId="{9F82352B-AC4B-4A5F-AB5E-7A48EFDA7CB6}" dt="2021-11-09T02:47:40.572" v="4833" actId="478"/>
          <ac:spMkLst>
            <pc:docMk/>
            <pc:sldMk cId="430956393" sldId="952"/>
            <ac:spMk id="282" creationId="{B49FB87C-AEE3-410E-A82C-47FD3659AB3A}"/>
          </ac:spMkLst>
        </pc:spChg>
        <pc:spChg chg="del mod">
          <ac:chgData name="Von Brock, Ryan CDT (EDU)" userId="906a1a04-0a10-4aa7-bed1-b7f4598a8a36" providerId="ADAL" clId="{9F82352B-AC4B-4A5F-AB5E-7A48EFDA7CB6}" dt="2021-11-09T02:47:41.426" v="4834" actId="478"/>
          <ac:spMkLst>
            <pc:docMk/>
            <pc:sldMk cId="430956393" sldId="952"/>
            <ac:spMk id="283" creationId="{8D376BD5-E52F-48DE-9A91-95E626D54B4F}"/>
          </ac:spMkLst>
        </pc:spChg>
        <pc:spChg chg="del mod">
          <ac:chgData name="Von Brock, Ryan CDT (EDU)" userId="906a1a04-0a10-4aa7-bed1-b7f4598a8a36" providerId="ADAL" clId="{9F82352B-AC4B-4A5F-AB5E-7A48EFDA7CB6}" dt="2021-11-09T02:47:36.698" v="4830" actId="478"/>
          <ac:spMkLst>
            <pc:docMk/>
            <pc:sldMk cId="430956393" sldId="952"/>
            <ac:spMk id="284" creationId="{50C1275F-0B2B-4389-95CA-0F94E2091DB0}"/>
          </ac:spMkLst>
        </pc:spChg>
        <pc:spChg chg="mod">
          <ac:chgData name="Von Brock, Ryan CDT (EDU)" userId="906a1a04-0a10-4aa7-bed1-b7f4598a8a36" providerId="ADAL" clId="{9F82352B-AC4B-4A5F-AB5E-7A48EFDA7CB6}" dt="2021-11-08T18:41:10.706" v="3093" actId="1035"/>
          <ac:spMkLst>
            <pc:docMk/>
            <pc:sldMk cId="430956393" sldId="952"/>
            <ac:spMk id="399" creationId="{B40E23D8-B899-4E6E-9C06-E5AF1B20B733}"/>
          </ac:spMkLst>
        </pc:spChg>
        <pc:spChg chg="mod">
          <ac:chgData name="Von Brock, Ryan CDT (EDU)" userId="906a1a04-0a10-4aa7-bed1-b7f4598a8a36" providerId="ADAL" clId="{9F82352B-AC4B-4A5F-AB5E-7A48EFDA7CB6}" dt="2021-11-09T03:23:37.212" v="5385" actId="1076"/>
          <ac:spMkLst>
            <pc:docMk/>
            <pc:sldMk cId="430956393" sldId="952"/>
            <ac:spMk id="431" creationId="{D42D8BE7-7C53-4B49-B22B-645D6CD9FAF8}"/>
          </ac:spMkLst>
        </pc:spChg>
        <pc:spChg chg="mod">
          <ac:chgData name="Von Brock, Ryan CDT (EDU)" userId="906a1a04-0a10-4aa7-bed1-b7f4598a8a36" providerId="ADAL" clId="{9F82352B-AC4B-4A5F-AB5E-7A48EFDA7CB6}" dt="2021-11-08T18:41:10.706" v="3093" actId="1035"/>
          <ac:spMkLst>
            <pc:docMk/>
            <pc:sldMk cId="430956393" sldId="952"/>
            <ac:spMk id="454" creationId="{9F099775-87FE-4D93-AF37-E240D5765B0D}"/>
          </ac:spMkLst>
        </pc:spChg>
        <pc:spChg chg="mod">
          <ac:chgData name="Von Brock, Ryan CDT (EDU)" userId="906a1a04-0a10-4aa7-bed1-b7f4598a8a36" providerId="ADAL" clId="{9F82352B-AC4B-4A5F-AB5E-7A48EFDA7CB6}" dt="2021-11-08T18:41:10.706" v="3093" actId="1035"/>
          <ac:spMkLst>
            <pc:docMk/>
            <pc:sldMk cId="430956393" sldId="952"/>
            <ac:spMk id="455" creationId="{A0897136-47F9-4312-80A9-EB5B3AD26F7B}"/>
          </ac:spMkLst>
        </pc:spChg>
        <pc:spChg chg="mod">
          <ac:chgData name="Von Brock, Ryan CDT (EDU)" userId="906a1a04-0a10-4aa7-bed1-b7f4598a8a36" providerId="ADAL" clId="{9F82352B-AC4B-4A5F-AB5E-7A48EFDA7CB6}" dt="2021-11-08T18:41:10.706" v="3093" actId="1035"/>
          <ac:spMkLst>
            <pc:docMk/>
            <pc:sldMk cId="430956393" sldId="952"/>
            <ac:spMk id="456" creationId="{6E59FB29-E022-4225-831B-1BF545F1F193}"/>
          </ac:spMkLst>
        </pc:spChg>
        <pc:spChg chg="mod">
          <ac:chgData name="Von Brock, Ryan CDT (EDU)" userId="906a1a04-0a10-4aa7-bed1-b7f4598a8a36" providerId="ADAL" clId="{9F82352B-AC4B-4A5F-AB5E-7A48EFDA7CB6}" dt="2021-11-08T18:41:10.706" v="3093" actId="1035"/>
          <ac:spMkLst>
            <pc:docMk/>
            <pc:sldMk cId="430956393" sldId="952"/>
            <ac:spMk id="457" creationId="{D30EF0F2-D44A-4AF4-A21C-F1CCBF7B9302}"/>
          </ac:spMkLst>
        </pc:spChg>
        <pc:picChg chg="mod">
          <ac:chgData name="Von Brock, Ryan CDT (EDU)" userId="906a1a04-0a10-4aa7-bed1-b7f4598a8a36" providerId="ADAL" clId="{9F82352B-AC4B-4A5F-AB5E-7A48EFDA7CB6}" dt="2021-11-09T02:58:49.663" v="5108" actId="14100"/>
          <ac:picMkLst>
            <pc:docMk/>
            <pc:sldMk cId="430956393" sldId="952"/>
            <ac:picMk id="4" creationId="{2AE762D0-4085-4B85-AA55-09C268139681}"/>
          </ac:picMkLst>
        </pc:picChg>
        <pc:picChg chg="mod">
          <ac:chgData name="Von Brock, Ryan CDT (EDU)" userId="906a1a04-0a10-4aa7-bed1-b7f4598a8a36" providerId="ADAL" clId="{9F82352B-AC4B-4A5F-AB5E-7A48EFDA7CB6}" dt="2021-11-09T02:58:53.729" v="5110" actId="14100"/>
          <ac:picMkLst>
            <pc:docMk/>
            <pc:sldMk cId="430956393" sldId="952"/>
            <ac:picMk id="13" creationId="{25506BE6-F742-4E21-8E5E-08866A37D86F}"/>
          </ac:picMkLst>
        </pc:picChg>
        <pc:picChg chg="add mod">
          <ac:chgData name="Von Brock, Ryan CDT (EDU)" userId="906a1a04-0a10-4aa7-bed1-b7f4598a8a36" providerId="ADAL" clId="{9F82352B-AC4B-4A5F-AB5E-7A48EFDA7CB6}" dt="2021-11-09T03:26:50.311" v="5422" actId="14100"/>
          <ac:picMkLst>
            <pc:docMk/>
            <pc:sldMk cId="430956393" sldId="952"/>
            <ac:picMk id="223" creationId="{C29CFB48-9B39-4204-A878-A9C715AD1CEC}"/>
          </ac:picMkLst>
        </pc:picChg>
        <pc:picChg chg="add del mod">
          <ac:chgData name="Von Brock, Ryan CDT (EDU)" userId="906a1a04-0a10-4aa7-bed1-b7f4598a8a36" providerId="ADAL" clId="{9F82352B-AC4B-4A5F-AB5E-7A48EFDA7CB6}" dt="2021-11-09T03:04:57.974" v="5217" actId="478"/>
          <ac:picMkLst>
            <pc:docMk/>
            <pc:sldMk cId="430956393" sldId="952"/>
            <ac:picMk id="230" creationId="{F7529586-F2BC-4CCA-83F9-A40ED3A6932F}"/>
          </ac:picMkLst>
        </pc:picChg>
        <pc:picChg chg="add mod">
          <ac:chgData name="Von Brock, Ryan CDT (EDU)" userId="906a1a04-0a10-4aa7-bed1-b7f4598a8a36" providerId="ADAL" clId="{9F82352B-AC4B-4A5F-AB5E-7A48EFDA7CB6}" dt="2021-11-09T03:27:10.478" v="5427" actId="14100"/>
          <ac:picMkLst>
            <pc:docMk/>
            <pc:sldMk cId="430956393" sldId="952"/>
            <ac:picMk id="247" creationId="{CE2E79DB-8B45-4623-AE86-8CFD36152E9A}"/>
          </ac:picMkLst>
        </pc:picChg>
        <pc:cxnChg chg="add del mod">
          <ac:chgData name="Von Brock, Ryan CDT (EDU)" userId="906a1a04-0a10-4aa7-bed1-b7f4598a8a36" providerId="ADAL" clId="{9F82352B-AC4B-4A5F-AB5E-7A48EFDA7CB6}" dt="2021-11-09T03:00:10.689" v="5115" actId="478"/>
          <ac:cxnSpMkLst>
            <pc:docMk/>
            <pc:sldMk cId="430956393" sldId="952"/>
            <ac:cxnSpMk id="14" creationId="{0C3DD6C3-E3FA-4D39-9F2B-FB80A2190DD9}"/>
          </ac:cxnSpMkLst>
        </pc:cxnChg>
        <pc:cxnChg chg="add del mod">
          <ac:chgData name="Von Brock, Ryan CDT (EDU)" userId="906a1a04-0a10-4aa7-bed1-b7f4598a8a36" providerId="ADAL" clId="{9F82352B-AC4B-4A5F-AB5E-7A48EFDA7CB6}" dt="2021-11-09T03:00:40.241" v="5120" actId="478"/>
          <ac:cxnSpMkLst>
            <pc:docMk/>
            <pc:sldMk cId="430956393" sldId="952"/>
            <ac:cxnSpMk id="20" creationId="{8CA4C881-1637-46D9-B809-9F8EBE70D0A3}"/>
          </ac:cxnSpMkLst>
        </pc:cxnChg>
        <pc:cxnChg chg="add mod">
          <ac:chgData name="Von Brock, Ryan CDT (EDU)" userId="906a1a04-0a10-4aa7-bed1-b7f4598a8a36" providerId="ADAL" clId="{9F82352B-AC4B-4A5F-AB5E-7A48EFDA7CB6}" dt="2021-11-09T03:49:36.324" v="5503" actId="14100"/>
          <ac:cxnSpMkLst>
            <pc:docMk/>
            <pc:sldMk cId="430956393" sldId="952"/>
            <ac:cxnSpMk id="33" creationId="{2DECF3DB-3047-48D2-886E-11EC51AD728D}"/>
          </ac:cxnSpMkLst>
        </pc:cxnChg>
        <pc:cxnChg chg="mod">
          <ac:chgData name="Von Brock, Ryan CDT (EDU)" userId="906a1a04-0a10-4aa7-bed1-b7f4598a8a36" providerId="ADAL" clId="{9F82352B-AC4B-4A5F-AB5E-7A48EFDA7CB6}" dt="2021-11-08T18:41:10.706" v="3093" actId="1035"/>
          <ac:cxnSpMkLst>
            <pc:docMk/>
            <pc:sldMk cId="430956393" sldId="952"/>
            <ac:cxnSpMk id="44" creationId="{04DEF928-402E-4B91-BC37-50FEA08D0282}"/>
          </ac:cxnSpMkLst>
        </pc:cxnChg>
        <pc:cxnChg chg="mod">
          <ac:chgData name="Von Brock, Ryan CDT (EDU)" userId="906a1a04-0a10-4aa7-bed1-b7f4598a8a36" providerId="ADAL" clId="{9F82352B-AC4B-4A5F-AB5E-7A48EFDA7CB6}" dt="2021-11-08T18:41:10.706" v="3093" actId="1035"/>
          <ac:cxnSpMkLst>
            <pc:docMk/>
            <pc:sldMk cId="430956393" sldId="952"/>
            <ac:cxnSpMk id="45" creationId="{28DD4EF5-B90E-4811-8256-E35966D50C34}"/>
          </ac:cxnSpMkLst>
        </pc:cxnChg>
        <pc:cxnChg chg="mod">
          <ac:chgData name="Von Brock, Ryan CDT (EDU)" userId="906a1a04-0a10-4aa7-bed1-b7f4598a8a36" providerId="ADAL" clId="{9F82352B-AC4B-4A5F-AB5E-7A48EFDA7CB6}" dt="2021-11-08T18:41:10.706" v="3093" actId="1035"/>
          <ac:cxnSpMkLst>
            <pc:docMk/>
            <pc:sldMk cId="430956393" sldId="952"/>
            <ac:cxnSpMk id="46" creationId="{CFD70AC4-4C8C-43A5-9CDF-9982B911EFE9}"/>
          </ac:cxnSpMkLst>
        </pc:cxnChg>
        <pc:cxnChg chg="add mod">
          <ac:chgData name="Von Brock, Ryan CDT (EDU)" userId="906a1a04-0a10-4aa7-bed1-b7f4598a8a36" providerId="ADAL" clId="{9F82352B-AC4B-4A5F-AB5E-7A48EFDA7CB6}" dt="2021-11-09T03:26:37.749" v="5418" actId="14100"/>
          <ac:cxnSpMkLst>
            <pc:docMk/>
            <pc:sldMk cId="430956393" sldId="952"/>
            <ac:cxnSpMk id="218" creationId="{6218FCC2-F420-4F34-804F-4C79B66F6B3A}"/>
          </ac:cxnSpMkLst>
        </pc:cxnChg>
        <pc:cxnChg chg="add mod">
          <ac:chgData name="Von Brock, Ryan CDT (EDU)" userId="906a1a04-0a10-4aa7-bed1-b7f4598a8a36" providerId="ADAL" clId="{9F82352B-AC4B-4A5F-AB5E-7A48EFDA7CB6}" dt="2021-11-09T03:23:50.213" v="5387" actId="14100"/>
          <ac:cxnSpMkLst>
            <pc:docMk/>
            <pc:sldMk cId="430956393" sldId="952"/>
            <ac:cxnSpMk id="224" creationId="{77296456-739D-49ED-AAC9-F9BF0636FEA3}"/>
          </ac:cxnSpMkLst>
        </pc:cxnChg>
        <pc:cxnChg chg="add mod ord">
          <ac:chgData name="Von Brock, Ryan CDT (EDU)" userId="906a1a04-0a10-4aa7-bed1-b7f4598a8a36" providerId="ADAL" clId="{9F82352B-AC4B-4A5F-AB5E-7A48EFDA7CB6}" dt="2021-11-09T03:29:00.877" v="5447" actId="14100"/>
          <ac:cxnSpMkLst>
            <pc:docMk/>
            <pc:sldMk cId="430956393" sldId="952"/>
            <ac:cxnSpMk id="233" creationId="{E33591A7-FC43-4BC5-9691-E3CE6B95D9F2}"/>
          </ac:cxnSpMkLst>
        </pc:cxnChg>
        <pc:cxnChg chg="add mod">
          <ac:chgData name="Von Brock, Ryan CDT (EDU)" userId="906a1a04-0a10-4aa7-bed1-b7f4598a8a36" providerId="ADAL" clId="{9F82352B-AC4B-4A5F-AB5E-7A48EFDA7CB6}" dt="2021-11-09T03:27:37.499" v="5432" actId="14100"/>
          <ac:cxnSpMkLst>
            <pc:docMk/>
            <pc:sldMk cId="430956393" sldId="952"/>
            <ac:cxnSpMk id="249" creationId="{FD3870BA-264E-4CF0-8AC3-AB4B7B0EA708}"/>
          </ac:cxnSpMkLst>
        </pc:cxnChg>
        <pc:cxnChg chg="add mod">
          <ac:chgData name="Von Brock, Ryan CDT (EDU)" userId="906a1a04-0a10-4aa7-bed1-b7f4598a8a36" providerId="ADAL" clId="{9F82352B-AC4B-4A5F-AB5E-7A48EFDA7CB6}" dt="2021-11-09T03:33:56.053" v="5499" actId="14100"/>
          <ac:cxnSpMkLst>
            <pc:docMk/>
            <pc:sldMk cId="430956393" sldId="952"/>
            <ac:cxnSpMk id="285" creationId="{DD513F20-8399-4679-8963-F3FD760919E4}"/>
          </ac:cxnSpMkLst>
        </pc:cxnChg>
        <pc:cxnChg chg="add mod">
          <ac:chgData name="Von Brock, Ryan CDT (EDU)" userId="906a1a04-0a10-4aa7-bed1-b7f4598a8a36" providerId="ADAL" clId="{9F82352B-AC4B-4A5F-AB5E-7A48EFDA7CB6}" dt="2021-11-09T03:31:59.683" v="5491" actId="14100"/>
          <ac:cxnSpMkLst>
            <pc:docMk/>
            <pc:sldMk cId="430956393" sldId="952"/>
            <ac:cxnSpMk id="286" creationId="{E0215378-1A61-451C-B73A-743021E779ED}"/>
          </ac:cxnSpMkLst>
        </pc:cxnChg>
        <pc:cxnChg chg="add mod">
          <ac:chgData name="Von Brock, Ryan CDT (EDU)" userId="906a1a04-0a10-4aa7-bed1-b7f4598a8a36" providerId="ADAL" clId="{9F82352B-AC4B-4A5F-AB5E-7A48EFDA7CB6}" dt="2021-11-09T03:33:16.047" v="5495" actId="14100"/>
          <ac:cxnSpMkLst>
            <pc:docMk/>
            <pc:sldMk cId="430956393" sldId="952"/>
            <ac:cxnSpMk id="287" creationId="{2F14E5E0-4DF0-4768-8DAC-5AD7ADF986E6}"/>
          </ac:cxnSpMkLst>
        </pc:cxnChg>
        <pc:cxnChg chg="add mod">
          <ac:chgData name="Von Brock, Ryan CDT (EDU)" userId="906a1a04-0a10-4aa7-bed1-b7f4598a8a36" providerId="ADAL" clId="{9F82352B-AC4B-4A5F-AB5E-7A48EFDA7CB6}" dt="2021-11-09T03:33:30.493" v="5498" actId="14100"/>
          <ac:cxnSpMkLst>
            <pc:docMk/>
            <pc:sldMk cId="430956393" sldId="952"/>
            <ac:cxnSpMk id="288" creationId="{D902509A-596D-4CD6-BAF9-7C7772527C5D}"/>
          </ac:cxnSpMkLst>
        </pc:cxnChg>
        <pc:cxnChg chg="mod">
          <ac:chgData name="Von Brock, Ryan CDT (EDU)" userId="906a1a04-0a10-4aa7-bed1-b7f4598a8a36" providerId="ADAL" clId="{9F82352B-AC4B-4A5F-AB5E-7A48EFDA7CB6}" dt="2021-11-08T18:41:10.706" v="3093" actId="1035"/>
          <ac:cxnSpMkLst>
            <pc:docMk/>
            <pc:sldMk cId="430956393" sldId="952"/>
            <ac:cxnSpMk id="401" creationId="{EFF250CC-0807-44FD-A6E3-DF65A374E1D0}"/>
          </ac:cxnSpMkLst>
        </pc:cxnChg>
        <pc:cxnChg chg="mod">
          <ac:chgData name="Von Brock, Ryan CDT (EDU)" userId="906a1a04-0a10-4aa7-bed1-b7f4598a8a36" providerId="ADAL" clId="{9F82352B-AC4B-4A5F-AB5E-7A48EFDA7CB6}" dt="2021-11-08T18:41:10.706" v="3093" actId="1035"/>
          <ac:cxnSpMkLst>
            <pc:docMk/>
            <pc:sldMk cId="430956393" sldId="952"/>
            <ac:cxnSpMk id="402" creationId="{7177E166-5FD2-4461-A27E-9D228701EEC7}"/>
          </ac:cxnSpMkLst>
        </pc:cxnChg>
        <pc:cxnChg chg="mod">
          <ac:chgData name="Von Brock, Ryan CDT (EDU)" userId="906a1a04-0a10-4aa7-bed1-b7f4598a8a36" providerId="ADAL" clId="{9F82352B-AC4B-4A5F-AB5E-7A48EFDA7CB6}" dt="2021-11-08T18:41:10.706" v="3093" actId="1035"/>
          <ac:cxnSpMkLst>
            <pc:docMk/>
            <pc:sldMk cId="430956393" sldId="952"/>
            <ac:cxnSpMk id="403" creationId="{2FAAE1BE-551C-4F35-A2FA-C7B15464874A}"/>
          </ac:cxnSpMkLst>
        </pc:cxnChg>
      </pc:sldChg>
      <pc:sldChg chg="modSp mod">
        <pc:chgData name="Von Brock, Ryan CDT (EDU)" userId="906a1a04-0a10-4aa7-bed1-b7f4598a8a36" providerId="ADAL" clId="{9F82352B-AC4B-4A5F-AB5E-7A48EFDA7CB6}" dt="2021-11-09T03:50:41.500" v="5516" actId="207"/>
        <pc:sldMkLst>
          <pc:docMk/>
          <pc:sldMk cId="2103103093" sldId="953"/>
        </pc:sldMkLst>
        <pc:spChg chg="mod">
          <ac:chgData name="Von Brock, Ryan CDT (EDU)" userId="906a1a04-0a10-4aa7-bed1-b7f4598a8a36" providerId="ADAL" clId="{9F82352B-AC4B-4A5F-AB5E-7A48EFDA7CB6}" dt="2021-11-09T03:50:41.500" v="5516" actId="207"/>
          <ac:spMkLst>
            <pc:docMk/>
            <pc:sldMk cId="2103103093" sldId="953"/>
            <ac:spMk id="2" creationId="{684A829B-2995-4F4A-B325-ADB0DF4EAA99}"/>
          </ac:spMkLst>
        </pc:spChg>
      </pc:sldChg>
      <pc:sldChg chg="del">
        <pc:chgData name="Von Brock, Ryan CDT (EDU)" userId="906a1a04-0a10-4aa7-bed1-b7f4598a8a36" providerId="ADAL" clId="{9F82352B-AC4B-4A5F-AB5E-7A48EFDA7CB6}" dt="2021-11-09T00:41:37.434" v="3964" actId="2696"/>
        <pc:sldMkLst>
          <pc:docMk/>
          <pc:sldMk cId="705191286" sldId="954"/>
        </pc:sldMkLst>
      </pc:sldChg>
      <pc:sldChg chg="addSp delSp modSp add mod ord">
        <pc:chgData name="Von Brock, Ryan CDT (EDU)" userId="906a1a04-0a10-4aa7-bed1-b7f4598a8a36" providerId="ADAL" clId="{9F82352B-AC4B-4A5F-AB5E-7A48EFDA7CB6}" dt="2021-11-09T04:23:19.311" v="5711" actId="20577"/>
        <pc:sldMkLst>
          <pc:docMk/>
          <pc:sldMk cId="1635371152" sldId="954"/>
        </pc:sldMkLst>
        <pc:spChg chg="mod">
          <ac:chgData name="Von Brock, Ryan CDT (EDU)" userId="906a1a04-0a10-4aa7-bed1-b7f4598a8a36" providerId="ADAL" clId="{9F82352B-AC4B-4A5F-AB5E-7A48EFDA7CB6}" dt="2021-11-09T01:32:56.016" v="4413" actId="20577"/>
          <ac:spMkLst>
            <pc:docMk/>
            <pc:sldMk cId="1635371152" sldId="954"/>
            <ac:spMk id="2" creationId="{95F8F1E8-4E42-4AA2-8C49-661C9EEE2DDE}"/>
          </ac:spMkLst>
        </pc:spChg>
        <pc:spChg chg="del mod">
          <ac:chgData name="Von Brock, Ryan CDT (EDU)" userId="906a1a04-0a10-4aa7-bed1-b7f4598a8a36" providerId="ADAL" clId="{9F82352B-AC4B-4A5F-AB5E-7A48EFDA7CB6}" dt="2021-11-09T01:32:05.036" v="4400" actId="26606"/>
          <ac:spMkLst>
            <pc:docMk/>
            <pc:sldMk cId="1635371152" sldId="954"/>
            <ac:spMk id="3" creationId="{4BC1EB17-17D9-46B5-BB18-29163431A1BD}"/>
          </ac:spMkLst>
        </pc:spChg>
        <pc:graphicFrameChg chg="add mod modGraphic">
          <ac:chgData name="Von Brock, Ryan CDT (EDU)" userId="906a1a04-0a10-4aa7-bed1-b7f4598a8a36" providerId="ADAL" clId="{9F82352B-AC4B-4A5F-AB5E-7A48EFDA7CB6}" dt="2021-11-09T04:23:19.311" v="5711" actId="20577"/>
          <ac:graphicFrameMkLst>
            <pc:docMk/>
            <pc:sldMk cId="1635371152" sldId="954"/>
            <ac:graphicFrameMk id="5" creationId="{513EEB96-8D50-4248-AB94-C1D9797E69CB}"/>
          </ac:graphicFrameMkLst>
        </pc:graphicFrameChg>
      </pc:sldChg>
      <pc:sldChg chg="modSp new mod">
        <pc:chgData name="Von Brock, Ryan CDT (EDU)" userId="906a1a04-0a10-4aa7-bed1-b7f4598a8a36" providerId="ADAL" clId="{9F82352B-AC4B-4A5F-AB5E-7A48EFDA7CB6}" dt="2021-11-12T18:43:00.939" v="6110" actId="20577"/>
        <pc:sldMkLst>
          <pc:docMk/>
          <pc:sldMk cId="2199336950" sldId="955"/>
        </pc:sldMkLst>
        <pc:spChg chg="mod">
          <ac:chgData name="Von Brock, Ryan CDT (EDU)" userId="906a1a04-0a10-4aa7-bed1-b7f4598a8a36" providerId="ADAL" clId="{9F82352B-AC4B-4A5F-AB5E-7A48EFDA7CB6}" dt="2021-11-12T18:43:00.939" v="6110" actId="20577"/>
          <ac:spMkLst>
            <pc:docMk/>
            <pc:sldMk cId="2199336950" sldId="955"/>
            <ac:spMk id="3" creationId="{5A426BD7-DCBB-4265-A484-77326AE4FEEE}"/>
          </ac:spMkLst>
        </pc:spChg>
      </pc:sldChg>
      <pc:sldChg chg="delSp modSp add mod">
        <pc:chgData name="Von Brock, Ryan CDT (EDU)" userId="906a1a04-0a10-4aa7-bed1-b7f4598a8a36" providerId="ADAL" clId="{9F82352B-AC4B-4A5F-AB5E-7A48EFDA7CB6}" dt="2021-11-09T01:36:24.490" v="4424" actId="478"/>
        <pc:sldMkLst>
          <pc:docMk/>
          <pc:sldMk cId="3488662503" sldId="955"/>
        </pc:sldMkLst>
        <pc:spChg chg="del mod">
          <ac:chgData name="Von Brock, Ryan CDT (EDU)" userId="906a1a04-0a10-4aa7-bed1-b7f4598a8a36" providerId="ADAL" clId="{9F82352B-AC4B-4A5F-AB5E-7A48EFDA7CB6}" dt="2021-11-09T01:36:21.747" v="4423" actId="478"/>
          <ac:spMkLst>
            <pc:docMk/>
            <pc:sldMk cId="3488662503" sldId="955"/>
            <ac:spMk id="3" creationId="{4BC1EB17-17D9-46B5-BB18-29163431A1BD}"/>
          </ac:spMkLst>
        </pc:spChg>
        <pc:spChg chg="mod">
          <ac:chgData name="Von Brock, Ryan CDT (EDU)" userId="906a1a04-0a10-4aa7-bed1-b7f4598a8a36" providerId="ADAL" clId="{9F82352B-AC4B-4A5F-AB5E-7A48EFDA7CB6}" dt="2021-11-09T01:36:20" v="4422" actId="1076"/>
          <ac:spMkLst>
            <pc:docMk/>
            <pc:sldMk cId="3488662503" sldId="955"/>
            <ac:spMk id="4" creationId="{B50545BE-0D0D-4453-B033-0D7FEA5FE5FE}"/>
          </ac:spMkLst>
        </pc:spChg>
        <pc:spChg chg="del">
          <ac:chgData name="Von Brock, Ryan CDT (EDU)" userId="906a1a04-0a10-4aa7-bed1-b7f4598a8a36" providerId="ADAL" clId="{9F82352B-AC4B-4A5F-AB5E-7A48EFDA7CB6}" dt="2021-11-09T01:36:24.490" v="4424" actId="478"/>
          <ac:spMkLst>
            <pc:docMk/>
            <pc:sldMk cId="3488662503" sldId="955"/>
            <ac:spMk id="5" creationId="{4535148D-451F-4BCA-B176-796E2829FB17}"/>
          </ac:spMkLst>
        </pc:spChg>
      </pc:sldChg>
      <pc:sldChg chg="del">
        <pc:chgData name="Von Brock, Ryan CDT (EDU)" userId="906a1a04-0a10-4aa7-bed1-b7f4598a8a36" providerId="ADAL" clId="{9F82352B-AC4B-4A5F-AB5E-7A48EFDA7CB6}" dt="2021-11-09T02:04:50.061" v="4505" actId="2696"/>
        <pc:sldMkLst>
          <pc:docMk/>
          <pc:sldMk cId="3743581791" sldId="956"/>
        </pc:sldMkLst>
      </pc:sldChg>
      <pc:sldMasterChg chg="del delSldLayout">
        <pc:chgData name="Von Brock, Ryan CDT (EDU)" userId="906a1a04-0a10-4aa7-bed1-b7f4598a8a36" providerId="ADAL" clId="{9F82352B-AC4B-4A5F-AB5E-7A48EFDA7CB6}" dt="2021-11-08T18:30:47.140" v="2823" actId="2696"/>
        <pc:sldMasterMkLst>
          <pc:docMk/>
          <pc:sldMasterMk cId="1073766080" sldId="2147483660"/>
        </pc:sldMasterMkLst>
        <pc:sldLayoutChg chg="del">
          <pc:chgData name="Von Brock, Ryan CDT (EDU)" userId="906a1a04-0a10-4aa7-bed1-b7f4598a8a36" providerId="ADAL" clId="{9F82352B-AC4B-4A5F-AB5E-7A48EFDA7CB6}" dt="2021-11-08T18:30:47.140" v="2823" actId="2696"/>
          <pc:sldLayoutMkLst>
            <pc:docMk/>
            <pc:sldMasterMk cId="1073766080" sldId="2147483660"/>
            <pc:sldLayoutMk cId="2752159354" sldId="2147483661"/>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2727105430" sldId="2147483662"/>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2061936308" sldId="2147483663"/>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2210612331" sldId="2147483664"/>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3065508971" sldId="2147483665"/>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4084013356" sldId="2147483666"/>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179615012" sldId="2147483667"/>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1764389786" sldId="2147483668"/>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3856888266" sldId="2147483669"/>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2889939652" sldId="2147483670"/>
          </pc:sldLayoutMkLst>
        </pc:sldLayoutChg>
        <pc:sldLayoutChg chg="del">
          <pc:chgData name="Von Brock, Ryan CDT (EDU)" userId="906a1a04-0a10-4aa7-bed1-b7f4598a8a36" providerId="ADAL" clId="{9F82352B-AC4B-4A5F-AB5E-7A48EFDA7CB6}" dt="2021-11-08T18:30:47.140" v="2823" actId="2696"/>
          <pc:sldLayoutMkLst>
            <pc:docMk/>
            <pc:sldMasterMk cId="1073766080" sldId="2147483660"/>
            <pc:sldLayoutMk cId="780068642" sldId="2147483671"/>
          </pc:sldLayoutMkLst>
        </pc:sldLayoutChg>
      </pc:sldMasterChg>
      <pc:sldMasterChg chg="add del addSldLayout delSldLayout">
        <pc:chgData name="Von Brock, Ryan CDT (EDU)" userId="906a1a04-0a10-4aa7-bed1-b7f4598a8a36" providerId="ADAL" clId="{9F82352B-AC4B-4A5F-AB5E-7A48EFDA7CB6}" dt="2021-11-08T18:24:55.276" v="2808" actId="700"/>
        <pc:sldMasterMkLst>
          <pc:docMk/>
          <pc:sldMasterMk cId="2618622528" sldId="2147483660"/>
        </pc:sldMasterMkLst>
        <pc:sldLayoutChg chg="add del">
          <pc:chgData name="Von Brock, Ryan CDT (EDU)" userId="906a1a04-0a10-4aa7-bed1-b7f4598a8a36" providerId="ADAL" clId="{9F82352B-AC4B-4A5F-AB5E-7A48EFDA7CB6}" dt="2021-11-08T18:24:55.276" v="2808" actId="700"/>
          <pc:sldLayoutMkLst>
            <pc:docMk/>
            <pc:sldMasterMk cId="2618622528" sldId="2147483660"/>
            <pc:sldLayoutMk cId="221137209" sldId="2147483661"/>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1815105437" sldId="2147483662"/>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3641436561" sldId="2147483663"/>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3663973101" sldId="2147483664"/>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3340866121" sldId="2147483665"/>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120823115" sldId="2147483666"/>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1886673870" sldId="2147483667"/>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965477291" sldId="2147483668"/>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2649744236" sldId="2147483669"/>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3767055994" sldId="2147483670"/>
          </pc:sldLayoutMkLst>
        </pc:sldLayoutChg>
        <pc:sldLayoutChg chg="add del">
          <pc:chgData name="Von Brock, Ryan CDT (EDU)" userId="906a1a04-0a10-4aa7-bed1-b7f4598a8a36" providerId="ADAL" clId="{9F82352B-AC4B-4A5F-AB5E-7A48EFDA7CB6}" dt="2021-11-08T18:24:55.276" v="2808" actId="700"/>
          <pc:sldLayoutMkLst>
            <pc:docMk/>
            <pc:sldMasterMk cId="2618622528" sldId="2147483660"/>
            <pc:sldLayoutMk cId="2738105114" sldId="2147483671"/>
          </pc:sldLayoutMkLst>
        </pc:sldLayoutChg>
      </pc:sldMasterChg>
    </pc:docChg>
  </pc:docChgLst>
  <pc:docChgLst>
    <pc:chgData name="Bulone, Domenico CDT (EDU)" userId="S::domenico.v.bulone@uscga.edu::2cee079b-210e-4e51-b710-b0f720e75709" providerId="AD" clId="Web-{8F40DA67-BE42-4B72-C4EB-556C38D4D4DC}"/>
    <pc:docChg chg="addSld delSld modSld">
      <pc:chgData name="Bulone, Domenico CDT (EDU)" userId="S::domenico.v.bulone@uscga.edu::2cee079b-210e-4e51-b710-b0f720e75709" providerId="AD" clId="Web-{8F40DA67-BE42-4B72-C4EB-556C38D4D4DC}" dt="2021-11-08T13:47:07.793" v="66" actId="20577"/>
      <pc:docMkLst>
        <pc:docMk/>
      </pc:docMkLst>
      <pc:sldChg chg="modSp">
        <pc:chgData name="Bulone, Domenico CDT (EDU)" userId="S::domenico.v.bulone@uscga.edu::2cee079b-210e-4e51-b710-b0f720e75709" providerId="AD" clId="Web-{8F40DA67-BE42-4B72-C4EB-556C38D4D4DC}" dt="2021-11-08T13:44:35.586" v="19" actId="20577"/>
        <pc:sldMkLst>
          <pc:docMk/>
          <pc:sldMk cId="2182414673" sldId="274"/>
        </pc:sldMkLst>
        <pc:spChg chg="mod">
          <ac:chgData name="Bulone, Domenico CDT (EDU)" userId="S::domenico.v.bulone@uscga.edu::2cee079b-210e-4e51-b710-b0f720e75709" providerId="AD" clId="Web-{8F40DA67-BE42-4B72-C4EB-556C38D4D4DC}" dt="2021-11-08T13:44:35.586" v="19" actId="20577"/>
          <ac:spMkLst>
            <pc:docMk/>
            <pc:sldMk cId="2182414673" sldId="274"/>
            <ac:spMk id="2" creationId="{95F8F1E8-4E42-4AA2-8C49-661C9EEE2DDE}"/>
          </ac:spMkLst>
        </pc:spChg>
      </pc:sldChg>
      <pc:sldChg chg="modSp">
        <pc:chgData name="Bulone, Domenico CDT (EDU)" userId="S::domenico.v.bulone@uscga.edu::2cee079b-210e-4e51-b710-b0f720e75709" providerId="AD" clId="Web-{8F40DA67-BE42-4B72-C4EB-556C38D4D4DC}" dt="2021-11-08T13:46:27.385" v="30" actId="20577"/>
        <pc:sldMkLst>
          <pc:docMk/>
          <pc:sldMk cId="4203100789" sldId="275"/>
        </pc:sldMkLst>
        <pc:spChg chg="mod">
          <ac:chgData name="Bulone, Domenico CDT (EDU)" userId="S::domenico.v.bulone@uscga.edu::2cee079b-210e-4e51-b710-b0f720e75709" providerId="AD" clId="Web-{8F40DA67-BE42-4B72-C4EB-556C38D4D4DC}" dt="2021-11-08T13:46:27.385" v="30" actId="20577"/>
          <ac:spMkLst>
            <pc:docMk/>
            <pc:sldMk cId="4203100789" sldId="275"/>
            <ac:spMk id="2" creationId="{95F8F1E8-4E42-4AA2-8C49-661C9EEE2DDE}"/>
          </ac:spMkLst>
        </pc:spChg>
      </pc:sldChg>
      <pc:sldChg chg="modSp add replId">
        <pc:chgData name="Bulone, Domenico CDT (EDU)" userId="S::domenico.v.bulone@uscga.edu::2cee079b-210e-4e51-b710-b0f720e75709" providerId="AD" clId="Web-{8F40DA67-BE42-4B72-C4EB-556C38D4D4DC}" dt="2021-11-08T13:47:07.793" v="66" actId="20577"/>
        <pc:sldMkLst>
          <pc:docMk/>
          <pc:sldMk cId="25455044" sldId="276"/>
        </pc:sldMkLst>
        <pc:spChg chg="mod">
          <ac:chgData name="Bulone, Domenico CDT (EDU)" userId="S::domenico.v.bulone@uscga.edu::2cee079b-210e-4e51-b710-b0f720e75709" providerId="AD" clId="Web-{8F40DA67-BE42-4B72-C4EB-556C38D4D4DC}" dt="2021-11-08T13:47:07.793" v="66" actId="20577"/>
          <ac:spMkLst>
            <pc:docMk/>
            <pc:sldMk cId="25455044" sldId="276"/>
            <ac:spMk id="2" creationId="{95F8F1E8-4E42-4AA2-8C49-661C9EEE2DDE}"/>
          </ac:spMkLst>
        </pc:spChg>
      </pc:sldChg>
      <pc:sldChg chg="modSp new del">
        <pc:chgData name="Bulone, Domenico CDT (EDU)" userId="S::domenico.v.bulone@uscga.edu::2cee079b-210e-4e51-b710-b0f720e75709" providerId="AD" clId="Web-{8F40DA67-BE42-4B72-C4EB-556C38D4D4DC}" dt="2021-11-08T13:47:01.230" v="56"/>
        <pc:sldMkLst>
          <pc:docMk/>
          <pc:sldMk cId="4207090282" sldId="276"/>
        </pc:sldMkLst>
        <pc:spChg chg="mod">
          <ac:chgData name="Bulone, Domenico CDT (EDU)" userId="S::domenico.v.bulone@uscga.edu::2cee079b-210e-4e51-b710-b0f720e75709" providerId="AD" clId="Web-{8F40DA67-BE42-4B72-C4EB-556C38D4D4DC}" dt="2021-11-08T13:46:52.902" v="55" actId="20577"/>
          <ac:spMkLst>
            <pc:docMk/>
            <pc:sldMk cId="4207090282" sldId="276"/>
            <ac:spMk id="2" creationId="{1C7EB2AF-235A-4908-A1D5-4AF8C62F7AA3}"/>
          </ac:spMkLst>
        </pc:spChg>
      </pc:sldChg>
    </pc:docChg>
  </pc:docChgLst>
  <pc:docChgLst>
    <pc:chgData name="Kim, Matthew CDT (EDU)" userId="S::matthew.h.kim@uscga.edu::1aa857c3-3d2e-4bbb-a8e5-fc3ecacd8f06" providerId="AD" clId="Web-{ACF9C8E0-D4B0-C189-F964-DAA0AC328963}"/>
    <pc:docChg chg="addSld modSld">
      <pc:chgData name="Kim, Matthew CDT (EDU)" userId="S::matthew.h.kim@uscga.edu::1aa857c3-3d2e-4bbb-a8e5-fc3ecacd8f06" providerId="AD" clId="Web-{ACF9C8E0-D4B0-C189-F964-DAA0AC328963}" dt="2021-11-09T01:35:49.420" v="714" actId="20577"/>
      <pc:docMkLst>
        <pc:docMk/>
      </pc:docMkLst>
      <pc:sldChg chg="addSp delSp modSp mod setBg">
        <pc:chgData name="Kim, Matthew CDT (EDU)" userId="S::matthew.h.kim@uscga.edu::1aa857c3-3d2e-4bbb-a8e5-fc3ecacd8f06" providerId="AD" clId="Web-{ACF9C8E0-D4B0-C189-F964-DAA0AC328963}" dt="2021-11-08T20:08:18.656" v="344"/>
        <pc:sldMkLst>
          <pc:docMk/>
          <pc:sldMk cId="4070126612" sldId="272"/>
        </pc:sldMkLst>
        <pc:spChg chg="mod">
          <ac:chgData name="Kim, Matthew CDT (EDU)" userId="S::matthew.h.kim@uscga.edu::1aa857c3-3d2e-4bbb-a8e5-fc3ecacd8f06" providerId="AD" clId="Web-{ACF9C8E0-D4B0-C189-F964-DAA0AC328963}" dt="2021-11-08T20:08:18.656" v="344"/>
          <ac:spMkLst>
            <pc:docMk/>
            <pc:sldMk cId="4070126612" sldId="272"/>
            <ac:spMk id="2" creationId="{95F8F1E8-4E42-4AA2-8C49-661C9EEE2DDE}"/>
          </ac:spMkLst>
        </pc:spChg>
        <pc:spChg chg="add del">
          <ac:chgData name="Kim, Matthew CDT (EDU)" userId="S::matthew.h.kim@uscga.edu::1aa857c3-3d2e-4bbb-a8e5-fc3ecacd8f06" providerId="AD" clId="Web-{ACF9C8E0-D4B0-C189-F964-DAA0AC328963}" dt="2021-11-08T20:08:18.656" v="344"/>
          <ac:spMkLst>
            <pc:docMk/>
            <pc:sldMk cId="4070126612" sldId="272"/>
            <ac:spMk id="3" creationId="{4BC1EB17-17D9-46B5-BB18-29163431A1BD}"/>
          </ac:spMkLst>
        </pc:spChg>
        <pc:spChg chg="add del">
          <ac:chgData name="Kim, Matthew CDT (EDU)" userId="S::matthew.h.kim@uscga.edu::1aa857c3-3d2e-4bbb-a8e5-fc3ecacd8f06" providerId="AD" clId="Web-{ACF9C8E0-D4B0-C189-F964-DAA0AC328963}" dt="2021-11-08T20:08:18.656" v="344"/>
          <ac:spMkLst>
            <pc:docMk/>
            <pc:sldMk cId="4070126612" sldId="272"/>
            <ac:spMk id="9" creationId="{BACC6370-2D7E-4714-9D71-7542949D7D5D}"/>
          </ac:spMkLst>
        </pc:spChg>
        <pc:spChg chg="add del">
          <ac:chgData name="Kim, Matthew CDT (EDU)" userId="S::matthew.h.kim@uscga.edu::1aa857c3-3d2e-4bbb-a8e5-fc3ecacd8f06" providerId="AD" clId="Web-{ACF9C8E0-D4B0-C189-F964-DAA0AC328963}" dt="2021-11-08T20:08:18.656" v="344"/>
          <ac:spMkLst>
            <pc:docMk/>
            <pc:sldMk cId="4070126612" sldId="272"/>
            <ac:spMk id="11" creationId="{F68B3F68-107C-434F-AA38-110D5EA91B85}"/>
          </ac:spMkLst>
        </pc:spChg>
        <pc:spChg chg="add del">
          <ac:chgData name="Kim, Matthew CDT (EDU)" userId="S::matthew.h.kim@uscga.edu::1aa857c3-3d2e-4bbb-a8e5-fc3ecacd8f06" providerId="AD" clId="Web-{ACF9C8E0-D4B0-C189-F964-DAA0AC328963}" dt="2021-11-08T20:08:18.656" v="344"/>
          <ac:spMkLst>
            <pc:docMk/>
            <pc:sldMk cId="4070126612" sldId="272"/>
            <ac:spMk id="13" creationId="{AAD0DBB9-1A4B-4391-81D4-CB19F9AB918A}"/>
          </ac:spMkLst>
        </pc:spChg>
        <pc:spChg chg="add del">
          <ac:chgData name="Kim, Matthew CDT (EDU)" userId="S::matthew.h.kim@uscga.edu::1aa857c3-3d2e-4bbb-a8e5-fc3ecacd8f06" providerId="AD" clId="Web-{ACF9C8E0-D4B0-C189-F964-DAA0AC328963}" dt="2021-11-08T20:08:18.656" v="344"/>
          <ac:spMkLst>
            <pc:docMk/>
            <pc:sldMk cId="4070126612" sldId="272"/>
            <ac:spMk id="15" creationId="{063BBA22-50EA-4C4D-BE05-F1CE4E63AA56}"/>
          </ac:spMkLst>
        </pc:spChg>
        <pc:graphicFrameChg chg="add del">
          <ac:chgData name="Kim, Matthew CDT (EDU)" userId="S::matthew.h.kim@uscga.edu::1aa857c3-3d2e-4bbb-a8e5-fc3ecacd8f06" providerId="AD" clId="Web-{ACF9C8E0-D4B0-C189-F964-DAA0AC328963}" dt="2021-11-08T19:58:13.590" v="336"/>
          <ac:graphicFrameMkLst>
            <pc:docMk/>
            <pc:sldMk cId="4070126612" sldId="272"/>
            <ac:graphicFrameMk id="5" creationId="{FE842781-B5B5-47D0-9372-1A925DA78F9E}"/>
          </ac:graphicFrameMkLst>
        </pc:graphicFrameChg>
        <pc:graphicFrameChg chg="add del">
          <ac:chgData name="Kim, Matthew CDT (EDU)" userId="S::matthew.h.kim@uscga.edu::1aa857c3-3d2e-4bbb-a8e5-fc3ecacd8f06" providerId="AD" clId="Web-{ACF9C8E0-D4B0-C189-F964-DAA0AC328963}" dt="2021-11-08T20:08:18.656" v="344"/>
          <ac:graphicFrameMkLst>
            <pc:docMk/>
            <pc:sldMk cId="4070126612" sldId="272"/>
            <ac:graphicFrameMk id="6" creationId="{F9D8CFE7-106C-4AB6-8078-6A52EE190B9B}"/>
          </ac:graphicFrameMkLst>
        </pc:graphicFrameChg>
      </pc:sldChg>
      <pc:sldChg chg="addSp delSp modSp mod setBg">
        <pc:chgData name="Kim, Matthew CDT (EDU)" userId="S::matthew.h.kim@uscga.edu::1aa857c3-3d2e-4bbb-a8e5-fc3ecacd8f06" providerId="AD" clId="Web-{ACF9C8E0-D4B0-C189-F964-DAA0AC328963}" dt="2021-11-09T01:00:15.910" v="606" actId="20577"/>
        <pc:sldMkLst>
          <pc:docMk/>
          <pc:sldMk cId="341688564" sldId="277"/>
        </pc:sldMkLst>
        <pc:spChg chg="mod">
          <ac:chgData name="Kim, Matthew CDT (EDU)" userId="S::matthew.h.kim@uscga.edu::1aa857c3-3d2e-4bbb-a8e5-fc3ecacd8f06" providerId="AD" clId="Web-{ACF9C8E0-D4B0-C189-F964-DAA0AC328963}" dt="2021-11-08T19:57:03.682" v="333"/>
          <ac:spMkLst>
            <pc:docMk/>
            <pc:sldMk cId="341688564" sldId="277"/>
            <ac:spMk id="2" creationId="{5132B2C2-3651-4DF9-B49F-12AAAA30A249}"/>
          </ac:spMkLst>
        </pc:spChg>
        <pc:spChg chg="add del mod">
          <ac:chgData name="Kim, Matthew CDT (EDU)" userId="S::matthew.h.kim@uscga.edu::1aa857c3-3d2e-4bbb-a8e5-fc3ecacd8f06" providerId="AD" clId="Web-{ACF9C8E0-D4B0-C189-F964-DAA0AC328963}" dt="2021-11-08T19:57:03.728" v="334"/>
          <ac:spMkLst>
            <pc:docMk/>
            <pc:sldMk cId="341688564" sldId="277"/>
            <ac:spMk id="3" creationId="{A45B0BFE-8225-4317-B594-1AEF66E9A48F}"/>
          </ac:spMkLst>
        </pc:spChg>
        <pc:spChg chg="add del">
          <ac:chgData name="Kim, Matthew CDT (EDU)" userId="S::matthew.h.kim@uscga.edu::1aa857c3-3d2e-4bbb-a8e5-fc3ecacd8f06" providerId="AD" clId="Web-{ACF9C8E0-D4B0-C189-F964-DAA0AC328963}" dt="2021-11-08T19:57:03.682" v="333"/>
          <ac:spMkLst>
            <pc:docMk/>
            <pc:sldMk cId="341688564" sldId="277"/>
            <ac:spMk id="6" creationId="{D55CD764-972B-4CA5-A885-53E55C63E174}"/>
          </ac:spMkLst>
        </pc:spChg>
        <pc:spChg chg="add del">
          <ac:chgData name="Kim, Matthew CDT (EDU)" userId="S::matthew.h.kim@uscga.edu::1aa857c3-3d2e-4bbb-a8e5-fc3ecacd8f06" providerId="AD" clId="Web-{ACF9C8E0-D4B0-C189-F964-DAA0AC328963}" dt="2021-11-08T19:57:03.682" v="333"/>
          <ac:spMkLst>
            <pc:docMk/>
            <pc:sldMk cId="341688564" sldId="277"/>
            <ac:spMk id="7" creationId="{34165AB3-7006-4430-BCE3-25476BE13322}"/>
          </ac:spMkLst>
        </pc:spChg>
        <pc:spChg chg="add del">
          <ac:chgData name="Kim, Matthew CDT (EDU)" userId="S::matthew.h.kim@uscga.edu::1aa857c3-3d2e-4bbb-a8e5-fc3ecacd8f06" providerId="AD" clId="Web-{ACF9C8E0-D4B0-C189-F964-DAA0AC328963}" dt="2021-11-08T19:56:44.572" v="331"/>
          <ac:spMkLst>
            <pc:docMk/>
            <pc:sldMk cId="341688564" sldId="277"/>
            <ac:spMk id="9" creationId="{D55CD764-972B-4CA5-A885-53E55C63E174}"/>
          </ac:spMkLst>
        </pc:spChg>
        <pc:spChg chg="add del">
          <ac:chgData name="Kim, Matthew CDT (EDU)" userId="S::matthew.h.kim@uscga.edu::1aa857c3-3d2e-4bbb-a8e5-fc3ecacd8f06" providerId="AD" clId="Web-{ACF9C8E0-D4B0-C189-F964-DAA0AC328963}" dt="2021-11-08T19:57:03.682" v="333"/>
          <ac:spMkLst>
            <pc:docMk/>
            <pc:sldMk cId="341688564" sldId="277"/>
            <ac:spMk id="10" creationId="{E3E51905-F374-4E1A-97CF-B741584B74D5}"/>
          </ac:spMkLst>
        </pc:spChg>
        <pc:spChg chg="add del">
          <ac:chgData name="Kim, Matthew CDT (EDU)" userId="S::matthew.h.kim@uscga.edu::1aa857c3-3d2e-4bbb-a8e5-fc3ecacd8f06" providerId="AD" clId="Web-{ACF9C8E0-D4B0-C189-F964-DAA0AC328963}" dt="2021-11-08T19:56:44.572" v="331"/>
          <ac:spMkLst>
            <pc:docMk/>
            <pc:sldMk cId="341688564" sldId="277"/>
            <ac:spMk id="11" creationId="{34165AB3-7006-4430-BCE3-25476BE13322}"/>
          </ac:spMkLst>
        </pc:spChg>
        <pc:spChg chg="add del">
          <ac:chgData name="Kim, Matthew CDT (EDU)" userId="S::matthew.h.kim@uscga.edu::1aa857c3-3d2e-4bbb-a8e5-fc3ecacd8f06" providerId="AD" clId="Web-{ACF9C8E0-D4B0-C189-F964-DAA0AC328963}" dt="2021-11-08T19:56:44.572" v="331"/>
          <ac:spMkLst>
            <pc:docMk/>
            <pc:sldMk cId="341688564" sldId="277"/>
            <ac:spMk id="35" creationId="{E3E51905-F374-4E1A-97CF-B741584B74D5}"/>
          </ac:spMkLst>
        </pc:spChg>
        <pc:grpChg chg="add del">
          <ac:chgData name="Kim, Matthew CDT (EDU)" userId="S::matthew.h.kim@uscga.edu::1aa857c3-3d2e-4bbb-a8e5-fc3ecacd8f06" providerId="AD" clId="Web-{ACF9C8E0-D4B0-C189-F964-DAA0AC328963}" dt="2021-11-08T19:57:03.682" v="333"/>
          <ac:grpSpMkLst>
            <pc:docMk/>
            <pc:sldMk cId="341688564" sldId="277"/>
            <ac:grpSpMk id="8" creationId="{11999B20-6058-4C55-882E-A1FB050B69DD}"/>
          </ac:grpSpMkLst>
        </pc:grpChg>
        <pc:grpChg chg="add del">
          <ac:chgData name="Kim, Matthew CDT (EDU)" userId="S::matthew.h.kim@uscga.edu::1aa857c3-3d2e-4bbb-a8e5-fc3ecacd8f06" providerId="AD" clId="Web-{ACF9C8E0-D4B0-C189-F964-DAA0AC328963}" dt="2021-11-08T19:56:44.572" v="331"/>
          <ac:grpSpMkLst>
            <pc:docMk/>
            <pc:sldMk cId="341688564" sldId="277"/>
            <ac:grpSpMk id="13" creationId="{11999B20-6058-4C55-882E-A1FB050B69DD}"/>
          </ac:grpSpMkLst>
        </pc:grpChg>
        <pc:graphicFrameChg chg="add del">
          <ac:chgData name="Kim, Matthew CDT (EDU)" userId="S::matthew.h.kim@uscga.edu::1aa857c3-3d2e-4bbb-a8e5-fc3ecacd8f06" providerId="AD" clId="Web-{ACF9C8E0-D4B0-C189-F964-DAA0AC328963}" dt="2021-11-08T19:56:44.572" v="331"/>
          <ac:graphicFrameMkLst>
            <pc:docMk/>
            <pc:sldMk cId="341688564" sldId="277"/>
            <ac:graphicFrameMk id="5" creationId="{FF151C97-68AA-434B-95D1-9D302B65AB7A}"/>
          </ac:graphicFrameMkLst>
        </pc:graphicFrameChg>
        <pc:graphicFrameChg chg="add del">
          <ac:chgData name="Kim, Matthew CDT (EDU)" userId="S::matthew.h.kim@uscga.edu::1aa857c3-3d2e-4bbb-a8e5-fc3ecacd8f06" providerId="AD" clId="Web-{ACF9C8E0-D4B0-C189-F964-DAA0AC328963}" dt="2021-11-08T19:57:03.682" v="333"/>
          <ac:graphicFrameMkLst>
            <pc:docMk/>
            <pc:sldMk cId="341688564" sldId="277"/>
            <ac:graphicFrameMk id="12" creationId="{FF151C97-68AA-434B-95D1-9D302B65AB7A}"/>
          </ac:graphicFrameMkLst>
        </pc:graphicFrameChg>
        <pc:graphicFrameChg chg="add modGraphic">
          <ac:chgData name="Kim, Matthew CDT (EDU)" userId="S::matthew.h.kim@uscga.edu::1aa857c3-3d2e-4bbb-a8e5-fc3ecacd8f06" providerId="AD" clId="Web-{ACF9C8E0-D4B0-C189-F964-DAA0AC328963}" dt="2021-11-09T01:00:15.910" v="606" actId="20577"/>
          <ac:graphicFrameMkLst>
            <pc:docMk/>
            <pc:sldMk cId="341688564" sldId="277"/>
            <ac:graphicFrameMk id="14" creationId="{BBB5BB30-BD99-4076-9334-C7AB22D09FF0}"/>
          </ac:graphicFrameMkLst>
        </pc:graphicFrameChg>
      </pc:sldChg>
      <pc:sldChg chg="addSp delSp modSp mod setBg">
        <pc:chgData name="Kim, Matthew CDT (EDU)" userId="S::matthew.h.kim@uscga.edu::1aa857c3-3d2e-4bbb-a8e5-fc3ecacd8f06" providerId="AD" clId="Web-{ACF9C8E0-D4B0-C189-F964-DAA0AC328963}" dt="2021-11-09T01:35:49.420" v="714" actId="20577"/>
        <pc:sldMkLst>
          <pc:docMk/>
          <pc:sldMk cId="777197450" sldId="287"/>
        </pc:sldMkLst>
        <pc:spChg chg="mod">
          <ac:chgData name="Kim, Matthew CDT (EDU)" userId="S::matthew.h.kim@uscga.edu::1aa857c3-3d2e-4bbb-a8e5-fc3ecacd8f06" providerId="AD" clId="Web-{ACF9C8E0-D4B0-C189-F964-DAA0AC328963}" dt="2021-11-08T20:00:18.641" v="342"/>
          <ac:spMkLst>
            <pc:docMk/>
            <pc:sldMk cId="777197450" sldId="287"/>
            <ac:spMk id="2" creationId="{95F8F1E8-4E42-4AA2-8C49-661C9EEE2DDE}"/>
          </ac:spMkLst>
        </pc:spChg>
        <pc:spChg chg="mod">
          <ac:chgData name="Kim, Matthew CDT (EDU)" userId="S::matthew.h.kim@uscga.edu::1aa857c3-3d2e-4bbb-a8e5-fc3ecacd8f06" providerId="AD" clId="Web-{ACF9C8E0-D4B0-C189-F964-DAA0AC328963}" dt="2021-11-09T01:35:49.420" v="714" actId="20577"/>
          <ac:spMkLst>
            <pc:docMk/>
            <pc:sldMk cId="777197450" sldId="287"/>
            <ac:spMk id="3" creationId="{4BC1EB17-17D9-46B5-BB18-29163431A1BD}"/>
          </ac:spMkLst>
        </pc:spChg>
        <pc:spChg chg="add del">
          <ac:chgData name="Kim, Matthew CDT (EDU)" userId="S::matthew.h.kim@uscga.edu::1aa857c3-3d2e-4bbb-a8e5-fc3ecacd8f06" providerId="AD" clId="Web-{ACF9C8E0-D4B0-C189-F964-DAA0AC328963}" dt="2021-11-08T20:00:18.641" v="342"/>
          <ac:spMkLst>
            <pc:docMk/>
            <pc:sldMk cId="777197450" sldId="287"/>
            <ac:spMk id="6" creationId="{979E27D9-03C7-44E2-9FF8-15D0C8506AF7}"/>
          </ac:spMkLst>
        </pc:spChg>
        <pc:spChg chg="add del">
          <ac:chgData name="Kim, Matthew CDT (EDU)" userId="S::matthew.h.kim@uscga.edu::1aa857c3-3d2e-4bbb-a8e5-fc3ecacd8f06" providerId="AD" clId="Web-{ACF9C8E0-D4B0-C189-F964-DAA0AC328963}" dt="2021-11-08T20:00:18.641" v="342"/>
          <ac:spMkLst>
            <pc:docMk/>
            <pc:sldMk cId="777197450" sldId="287"/>
            <ac:spMk id="7" creationId="{EEBF1590-3B36-48EE-A89D-3B6F3CB256AB}"/>
          </ac:spMkLst>
        </pc:spChg>
        <pc:spChg chg="add del">
          <ac:chgData name="Kim, Matthew CDT (EDU)" userId="S::matthew.h.kim@uscga.edu::1aa857c3-3d2e-4bbb-a8e5-fc3ecacd8f06" providerId="AD" clId="Web-{ACF9C8E0-D4B0-C189-F964-DAA0AC328963}" dt="2021-11-08T20:00:10.563" v="340"/>
          <ac:spMkLst>
            <pc:docMk/>
            <pc:sldMk cId="777197450" sldId="287"/>
            <ac:spMk id="9" creationId="{131BAD53-4E89-4F62-BBB7-26359763ED39}"/>
          </ac:spMkLst>
        </pc:spChg>
        <pc:spChg chg="add del">
          <ac:chgData name="Kim, Matthew CDT (EDU)" userId="S::matthew.h.kim@uscga.edu::1aa857c3-3d2e-4bbb-a8e5-fc3ecacd8f06" providerId="AD" clId="Web-{ACF9C8E0-D4B0-C189-F964-DAA0AC328963}" dt="2021-11-08T20:00:10.563" v="340"/>
          <ac:spMkLst>
            <pc:docMk/>
            <pc:sldMk cId="777197450" sldId="287"/>
            <ac:spMk id="11" creationId="{62756DA2-40EB-4C6F-B962-5822FFB54FB6}"/>
          </ac:spMkLst>
        </pc:spChg>
        <pc:spChg chg="add del">
          <ac:chgData name="Kim, Matthew CDT (EDU)" userId="S::matthew.h.kim@uscga.edu::1aa857c3-3d2e-4bbb-a8e5-fc3ecacd8f06" providerId="AD" clId="Web-{ACF9C8E0-D4B0-C189-F964-DAA0AC328963}" dt="2021-11-08T20:00:18.641" v="342"/>
          <ac:spMkLst>
            <pc:docMk/>
            <pc:sldMk cId="777197450" sldId="287"/>
            <ac:spMk id="13" creationId="{AC8F6C8C-AB5A-4548-942D-E3FD40ACBC49}"/>
          </ac:spMkLst>
        </pc:spChg>
        <pc:picChg chg="add mod">
          <ac:chgData name="Kim, Matthew CDT (EDU)" userId="S::matthew.h.kim@uscga.edu::1aa857c3-3d2e-4bbb-a8e5-fc3ecacd8f06" providerId="AD" clId="Web-{ACF9C8E0-D4B0-C189-F964-DAA0AC328963}" dt="2021-11-09T01:00:26.363" v="609" actId="1076"/>
          <ac:picMkLst>
            <pc:docMk/>
            <pc:sldMk cId="777197450" sldId="287"/>
            <ac:picMk id="4" creationId="{75385CB3-C9AC-4F64-93C0-664A691E3E4B}"/>
          </ac:picMkLst>
        </pc:picChg>
      </pc:sldChg>
      <pc:sldChg chg="delSp modSp add replId">
        <pc:chgData name="Kim, Matthew CDT (EDU)" userId="S::matthew.h.kim@uscga.edu::1aa857c3-3d2e-4bbb-a8e5-fc3ecacd8f06" providerId="AD" clId="Web-{ACF9C8E0-D4B0-C189-F964-DAA0AC328963}" dt="2021-11-08T20:27:32.724" v="361" actId="20577"/>
        <pc:sldMkLst>
          <pc:docMk/>
          <pc:sldMk cId="705191286" sldId="954"/>
        </pc:sldMkLst>
        <pc:spChg chg="mod">
          <ac:chgData name="Kim, Matthew CDT (EDU)" userId="S::matthew.h.kim@uscga.edu::1aa857c3-3d2e-4bbb-a8e5-fc3ecacd8f06" providerId="AD" clId="Web-{ACF9C8E0-D4B0-C189-F964-DAA0AC328963}" dt="2021-11-08T20:27:32.724" v="361" actId="20577"/>
          <ac:spMkLst>
            <pc:docMk/>
            <pc:sldMk cId="705191286" sldId="954"/>
            <ac:spMk id="3" creationId="{4BC1EB17-17D9-46B5-BB18-29163431A1BD}"/>
          </ac:spMkLst>
        </pc:spChg>
        <pc:picChg chg="del">
          <ac:chgData name="Kim, Matthew CDT (EDU)" userId="S::matthew.h.kim@uscga.edu::1aa857c3-3d2e-4bbb-a8e5-fc3ecacd8f06" providerId="AD" clId="Web-{ACF9C8E0-D4B0-C189-F964-DAA0AC328963}" dt="2021-11-08T20:27:04.599" v="346"/>
          <ac:picMkLst>
            <pc:docMk/>
            <pc:sldMk cId="705191286" sldId="954"/>
            <ac:picMk id="4" creationId="{75385CB3-C9AC-4F64-93C0-664A691E3E4B}"/>
          </ac:picMkLst>
        </pc:picChg>
      </pc:sldChg>
    </pc:docChg>
  </pc:docChgLst>
  <pc:docChgLst>
    <pc:chgData name="McGahey, Gavin CDT (EDU)" userId="S::gavin.l.mcgahey@uscga.edu::b06b179e-e56f-4c6b-a61e-283bd20d1274" providerId="AD" clId="Web-{EBCBB681-AC87-37E8-551B-0DC3011560C0}"/>
    <pc:docChg chg="addSld modSld">
      <pc:chgData name="McGahey, Gavin CDT (EDU)" userId="S::gavin.l.mcgahey@uscga.edu::b06b179e-e56f-4c6b-a61e-283bd20d1274" providerId="AD" clId="Web-{EBCBB681-AC87-37E8-551B-0DC3011560C0}" dt="2021-11-08T19:58:06.976" v="269" actId="20577"/>
      <pc:docMkLst>
        <pc:docMk/>
      </pc:docMkLst>
      <pc:sldChg chg="addSp delSp modSp">
        <pc:chgData name="McGahey, Gavin CDT (EDU)" userId="S::gavin.l.mcgahey@uscga.edu::b06b179e-e56f-4c6b-a61e-283bd20d1274" providerId="AD" clId="Web-{EBCBB681-AC87-37E8-551B-0DC3011560C0}" dt="2021-11-08T19:28:57.708" v="73" actId="1076"/>
        <pc:sldMkLst>
          <pc:docMk/>
          <pc:sldMk cId="2182414673" sldId="274"/>
        </pc:sldMkLst>
        <pc:spChg chg="del">
          <ac:chgData name="McGahey, Gavin CDT (EDU)" userId="S::gavin.l.mcgahey@uscga.edu::b06b179e-e56f-4c6b-a61e-283bd20d1274" providerId="AD" clId="Web-{EBCBB681-AC87-37E8-551B-0DC3011560C0}" dt="2021-11-08T19:25:59.234" v="0"/>
          <ac:spMkLst>
            <pc:docMk/>
            <pc:sldMk cId="2182414673" sldId="274"/>
            <ac:spMk id="3" creationId="{4BC1EB17-17D9-46B5-BB18-29163431A1BD}"/>
          </ac:spMkLst>
        </pc:spChg>
        <pc:spChg chg="add mod">
          <ac:chgData name="McGahey, Gavin CDT (EDU)" userId="S::gavin.l.mcgahey@uscga.edu::b06b179e-e56f-4c6b-a61e-283bd20d1274" providerId="AD" clId="Web-{EBCBB681-AC87-37E8-551B-0DC3011560C0}" dt="2021-11-08T19:28:41.145" v="69" actId="20577"/>
          <ac:spMkLst>
            <pc:docMk/>
            <pc:sldMk cId="2182414673" sldId="274"/>
            <ac:spMk id="6" creationId="{E274E5DA-7D4B-45D3-8000-E0B685B8F6B9}"/>
          </ac:spMkLst>
        </pc:spChg>
        <pc:picChg chg="add del mod ord modCrop">
          <ac:chgData name="McGahey, Gavin CDT (EDU)" userId="S::gavin.l.mcgahey@uscga.edu::b06b179e-e56f-4c6b-a61e-283bd20d1274" providerId="AD" clId="Web-{EBCBB681-AC87-37E8-551B-0DC3011560C0}" dt="2021-11-08T19:27:18.893" v="9"/>
          <ac:picMkLst>
            <pc:docMk/>
            <pc:sldMk cId="2182414673" sldId="274"/>
            <ac:picMk id="4" creationId="{B85AF9DE-FE18-4E30-AA57-99888CB062A8}"/>
          </ac:picMkLst>
        </pc:picChg>
        <pc:picChg chg="add mod">
          <ac:chgData name="McGahey, Gavin CDT (EDU)" userId="S::gavin.l.mcgahey@uscga.edu::b06b179e-e56f-4c6b-a61e-283bd20d1274" providerId="AD" clId="Web-{EBCBB681-AC87-37E8-551B-0DC3011560C0}" dt="2021-11-08T19:28:57.708" v="73" actId="1076"/>
          <ac:picMkLst>
            <pc:docMk/>
            <pc:sldMk cId="2182414673" sldId="274"/>
            <ac:picMk id="7" creationId="{A9E2138C-F0E0-48D6-8D94-29CC3C732FE4}"/>
          </ac:picMkLst>
        </pc:picChg>
      </pc:sldChg>
      <pc:sldChg chg="modSp">
        <pc:chgData name="McGahey, Gavin CDT (EDU)" userId="S::gavin.l.mcgahey@uscga.edu::b06b179e-e56f-4c6b-a61e-283bd20d1274" providerId="AD" clId="Web-{EBCBB681-AC87-37E8-551B-0DC3011560C0}" dt="2021-11-08T19:58:06.976" v="269" actId="20577"/>
        <pc:sldMkLst>
          <pc:docMk/>
          <pc:sldMk cId="830143972" sldId="285"/>
        </pc:sldMkLst>
        <pc:spChg chg="mod">
          <ac:chgData name="McGahey, Gavin CDT (EDU)" userId="S::gavin.l.mcgahey@uscga.edu::b06b179e-e56f-4c6b-a61e-283bd20d1274" providerId="AD" clId="Web-{EBCBB681-AC87-37E8-551B-0DC3011560C0}" dt="2021-11-08T19:58:06.976" v="269" actId="20577"/>
          <ac:spMkLst>
            <pc:docMk/>
            <pc:sldMk cId="830143972" sldId="285"/>
            <ac:spMk id="3" creationId="{4BC1EB17-17D9-46B5-BB18-29163431A1BD}"/>
          </ac:spMkLst>
        </pc:spChg>
      </pc:sldChg>
      <pc:sldChg chg="addSp modSp new">
        <pc:chgData name="McGahey, Gavin CDT (EDU)" userId="S::gavin.l.mcgahey@uscga.edu::b06b179e-e56f-4c6b-a61e-283bd20d1274" providerId="AD" clId="Web-{EBCBB681-AC87-37E8-551B-0DC3011560C0}" dt="2021-11-08T19:41:25.995" v="176" actId="1076"/>
        <pc:sldMkLst>
          <pc:docMk/>
          <pc:sldMk cId="2103103093" sldId="953"/>
        </pc:sldMkLst>
        <pc:spChg chg="mod">
          <ac:chgData name="McGahey, Gavin CDT (EDU)" userId="S::gavin.l.mcgahey@uscga.edu::b06b179e-e56f-4c6b-a61e-283bd20d1274" providerId="AD" clId="Web-{EBCBB681-AC87-37E8-551B-0DC3011560C0}" dt="2021-11-08T19:29:21.771" v="88" actId="20577"/>
          <ac:spMkLst>
            <pc:docMk/>
            <pc:sldMk cId="2103103093" sldId="953"/>
            <ac:spMk id="2" creationId="{684A829B-2995-4F4A-B325-ADB0DF4EAA99}"/>
          </ac:spMkLst>
        </pc:spChg>
        <pc:spChg chg="mod">
          <ac:chgData name="McGahey, Gavin CDT (EDU)" userId="S::gavin.l.mcgahey@uscga.edu::b06b179e-e56f-4c6b-a61e-283bd20d1274" providerId="AD" clId="Web-{EBCBB681-AC87-37E8-551B-0DC3011560C0}" dt="2021-11-08T19:39:13.710" v="150" actId="20577"/>
          <ac:spMkLst>
            <pc:docMk/>
            <pc:sldMk cId="2103103093" sldId="953"/>
            <ac:spMk id="3" creationId="{285C5AC2-324B-4606-9B8E-B242CD80F10C}"/>
          </ac:spMkLst>
        </pc:spChg>
        <pc:picChg chg="add mod modCrop">
          <ac:chgData name="McGahey, Gavin CDT (EDU)" userId="S::gavin.l.mcgahey@uscga.edu::b06b179e-e56f-4c6b-a61e-283bd20d1274" providerId="AD" clId="Web-{EBCBB681-AC87-37E8-551B-0DC3011560C0}" dt="2021-11-08T19:41:17.979" v="173" actId="1076"/>
          <ac:picMkLst>
            <pc:docMk/>
            <pc:sldMk cId="2103103093" sldId="953"/>
            <ac:picMk id="4" creationId="{59CA4A9E-3C92-44CF-B956-5FAF13E46620}"/>
          </ac:picMkLst>
        </pc:picChg>
        <pc:picChg chg="add mod modCrop">
          <ac:chgData name="McGahey, Gavin CDT (EDU)" userId="S::gavin.l.mcgahey@uscga.edu::b06b179e-e56f-4c6b-a61e-283bd20d1274" providerId="AD" clId="Web-{EBCBB681-AC87-37E8-551B-0DC3011560C0}" dt="2021-11-08T19:41:16.010" v="172" actId="1076"/>
          <ac:picMkLst>
            <pc:docMk/>
            <pc:sldMk cId="2103103093" sldId="953"/>
            <ac:picMk id="5" creationId="{75D328DD-C561-4864-8C08-5D1CD24B0E9B}"/>
          </ac:picMkLst>
        </pc:picChg>
        <pc:picChg chg="add mod modCrop">
          <ac:chgData name="McGahey, Gavin CDT (EDU)" userId="S::gavin.l.mcgahey@uscga.edu::b06b179e-e56f-4c6b-a61e-283bd20d1274" providerId="AD" clId="Web-{EBCBB681-AC87-37E8-551B-0DC3011560C0}" dt="2021-11-08T19:41:25.995" v="176" actId="1076"/>
          <ac:picMkLst>
            <pc:docMk/>
            <pc:sldMk cId="2103103093" sldId="953"/>
            <ac:picMk id="6" creationId="{DE07006E-D0E5-42D0-B728-879023B9B92A}"/>
          </ac:picMkLst>
        </pc:picChg>
        <pc:picChg chg="add mod modCrop">
          <ac:chgData name="McGahey, Gavin CDT (EDU)" userId="S::gavin.l.mcgahey@uscga.edu::b06b179e-e56f-4c6b-a61e-283bd20d1274" providerId="AD" clId="Web-{EBCBB681-AC87-37E8-551B-0DC3011560C0}" dt="2021-11-08T19:41:22.213" v="175" actId="1076"/>
          <ac:picMkLst>
            <pc:docMk/>
            <pc:sldMk cId="2103103093" sldId="953"/>
            <ac:picMk id="7" creationId="{B2EF67D7-EA22-453F-8603-692987B58B25}"/>
          </ac:picMkLst>
        </pc:picChg>
      </pc:sldChg>
    </pc:docChg>
  </pc:docChgLst>
  <pc:docChgLst>
    <pc:chgData name="McGahey, Gavin CDT (EDU)" userId="S::gavin.l.mcgahey@uscga.edu::b06b179e-e56f-4c6b-a61e-283bd20d1274" providerId="AD" clId="Web-{C99188AA-4020-E16D-0242-2801A83DCA2A}"/>
    <pc:docChg chg="addSld delSld modSld">
      <pc:chgData name="McGahey, Gavin CDT (EDU)" userId="S::gavin.l.mcgahey@uscga.edu::b06b179e-e56f-4c6b-a61e-283bd20d1274" providerId="AD" clId="Web-{C99188AA-4020-E16D-0242-2801A83DCA2A}" dt="2021-11-09T04:46:29.455" v="5323"/>
      <pc:docMkLst>
        <pc:docMk/>
      </pc:docMkLst>
      <pc:sldChg chg="modSp modNotes">
        <pc:chgData name="McGahey, Gavin CDT (EDU)" userId="S::gavin.l.mcgahey@uscga.edu::b06b179e-e56f-4c6b-a61e-283bd20d1274" providerId="AD" clId="Web-{C99188AA-4020-E16D-0242-2801A83DCA2A}" dt="2021-11-09T04:15:43.009" v="5146"/>
        <pc:sldMkLst>
          <pc:docMk/>
          <pc:sldMk cId="2182414673" sldId="274"/>
        </pc:sldMkLst>
        <pc:spChg chg="mod">
          <ac:chgData name="McGahey, Gavin CDT (EDU)" userId="S::gavin.l.mcgahey@uscga.edu::b06b179e-e56f-4c6b-a61e-283bd20d1274" providerId="AD" clId="Web-{C99188AA-4020-E16D-0242-2801A83DCA2A}" dt="2021-11-09T02:05:34.259" v="1362" actId="20577"/>
          <ac:spMkLst>
            <pc:docMk/>
            <pc:sldMk cId="2182414673" sldId="274"/>
            <ac:spMk id="2" creationId="{95F8F1E8-4E42-4AA2-8C49-661C9EEE2DDE}"/>
          </ac:spMkLst>
        </pc:spChg>
        <pc:spChg chg="mod">
          <ac:chgData name="McGahey, Gavin CDT (EDU)" userId="S::gavin.l.mcgahey@uscga.edu::b06b179e-e56f-4c6b-a61e-283bd20d1274" providerId="AD" clId="Web-{C99188AA-4020-E16D-0242-2801A83DCA2A}" dt="2021-11-09T04:15:23.524" v="5134" actId="20577"/>
          <ac:spMkLst>
            <pc:docMk/>
            <pc:sldMk cId="2182414673" sldId="274"/>
            <ac:spMk id="6" creationId="{E274E5DA-7D4B-45D3-8000-E0B685B8F6B9}"/>
          </ac:spMkLst>
        </pc:spChg>
      </pc:sldChg>
      <pc:sldChg chg="del">
        <pc:chgData name="McGahey, Gavin CDT (EDU)" userId="S::gavin.l.mcgahey@uscga.edu::b06b179e-e56f-4c6b-a61e-283bd20d1274" providerId="AD" clId="Web-{C99188AA-4020-E16D-0242-2801A83DCA2A}" dt="2021-11-09T01:32:47.916" v="0"/>
        <pc:sldMkLst>
          <pc:docMk/>
          <pc:sldMk cId="4203100789" sldId="275"/>
        </pc:sldMkLst>
      </pc:sldChg>
      <pc:sldChg chg="delCm">
        <pc:chgData name="McGahey, Gavin CDT (EDU)" userId="S::gavin.l.mcgahey@uscga.edu::b06b179e-e56f-4c6b-a61e-283bd20d1274" providerId="AD" clId="Web-{C99188AA-4020-E16D-0242-2801A83DCA2A}" dt="2021-11-09T02:20:38.628" v="1891"/>
        <pc:sldMkLst>
          <pc:docMk/>
          <pc:sldMk cId="25455044" sldId="276"/>
        </pc:sldMkLst>
      </pc:sldChg>
      <pc:sldChg chg="modNotes">
        <pc:chgData name="McGahey, Gavin CDT (EDU)" userId="S::gavin.l.mcgahey@uscga.edu::b06b179e-e56f-4c6b-a61e-283bd20d1274" providerId="AD" clId="Web-{C99188AA-4020-E16D-0242-2801A83DCA2A}" dt="2021-11-09T04:21:24.572" v="5155"/>
        <pc:sldMkLst>
          <pc:docMk/>
          <pc:sldMk cId="2070352504" sldId="281"/>
        </pc:sldMkLst>
      </pc:sldChg>
      <pc:sldChg chg="del">
        <pc:chgData name="McGahey, Gavin CDT (EDU)" userId="S::gavin.l.mcgahey@uscga.edu::b06b179e-e56f-4c6b-a61e-283bd20d1274" providerId="AD" clId="Web-{C99188AA-4020-E16D-0242-2801A83DCA2A}" dt="2021-11-09T02:14:43.487" v="1868"/>
        <pc:sldMkLst>
          <pc:docMk/>
          <pc:sldMk cId="3961488097" sldId="283"/>
        </pc:sldMkLst>
      </pc:sldChg>
      <pc:sldChg chg="addSp delSp modSp mod setBg delCm modNotes">
        <pc:chgData name="McGahey, Gavin CDT (EDU)" userId="S::gavin.l.mcgahey@uscga.edu::b06b179e-e56f-4c6b-a61e-283bd20d1274" providerId="AD" clId="Web-{C99188AA-4020-E16D-0242-2801A83DCA2A}" dt="2021-11-09T04:46:29.455" v="5323"/>
        <pc:sldMkLst>
          <pc:docMk/>
          <pc:sldMk cId="830143972" sldId="285"/>
        </pc:sldMkLst>
        <pc:spChg chg="mod">
          <ac:chgData name="McGahey, Gavin CDT (EDU)" userId="S::gavin.l.mcgahey@uscga.edu::b06b179e-e56f-4c6b-a61e-283bd20d1274" providerId="AD" clId="Web-{C99188AA-4020-E16D-0242-2801A83DCA2A}" dt="2021-11-09T02:16:44.867" v="1880"/>
          <ac:spMkLst>
            <pc:docMk/>
            <pc:sldMk cId="830143972" sldId="285"/>
            <ac:spMk id="2" creationId="{95F8F1E8-4E42-4AA2-8C49-661C9EEE2DDE}"/>
          </ac:spMkLst>
        </pc:spChg>
        <pc:spChg chg="add del mod">
          <ac:chgData name="McGahey, Gavin CDT (EDU)" userId="S::gavin.l.mcgahey@uscga.edu::b06b179e-e56f-4c6b-a61e-283bd20d1274" providerId="AD" clId="Web-{C99188AA-4020-E16D-0242-2801A83DCA2A}" dt="2021-11-09T02:17:48.542" v="1882"/>
          <ac:spMkLst>
            <pc:docMk/>
            <pc:sldMk cId="830143972" sldId="285"/>
            <ac:spMk id="3" creationId="{4BC1EB17-17D9-46B5-BB18-29163431A1BD}"/>
          </ac:spMkLst>
        </pc:spChg>
        <pc:spChg chg="add del">
          <ac:chgData name="McGahey, Gavin CDT (EDU)" userId="S::gavin.l.mcgahey@uscga.edu::b06b179e-e56f-4c6b-a61e-283bd20d1274" providerId="AD" clId="Web-{C99188AA-4020-E16D-0242-2801A83DCA2A}" dt="2021-11-09T01:45:34.499" v="306"/>
          <ac:spMkLst>
            <pc:docMk/>
            <pc:sldMk cId="830143972" sldId="285"/>
            <ac:spMk id="4" creationId="{92AE1AA3-5F8F-4EE2-A880-DB6C5E642CB1}"/>
          </ac:spMkLst>
        </pc:spChg>
        <pc:spChg chg="add del">
          <ac:chgData name="McGahey, Gavin CDT (EDU)" userId="S::gavin.l.mcgahey@uscga.edu::b06b179e-e56f-4c6b-a61e-283bd20d1274" providerId="AD" clId="Web-{C99188AA-4020-E16D-0242-2801A83DCA2A}" dt="2021-11-09T02:15:54.662" v="1872"/>
          <ac:spMkLst>
            <pc:docMk/>
            <pc:sldMk cId="830143972" sldId="285"/>
            <ac:spMk id="6" creationId="{AE2B703B-46F9-481A-A605-82E2A828C4FA}"/>
          </ac:spMkLst>
        </pc:spChg>
        <pc:spChg chg="add del">
          <ac:chgData name="McGahey, Gavin CDT (EDU)" userId="S::gavin.l.mcgahey@uscga.edu::b06b179e-e56f-4c6b-a61e-283bd20d1274" providerId="AD" clId="Web-{C99188AA-4020-E16D-0242-2801A83DCA2A}" dt="2021-11-09T02:15:43.614" v="1870"/>
          <ac:spMkLst>
            <pc:docMk/>
            <pc:sldMk cId="830143972" sldId="285"/>
            <ac:spMk id="9" creationId="{46C2E80F-49A6-4372-B103-219D417A55ED}"/>
          </ac:spMkLst>
        </pc:spChg>
        <pc:spChg chg="add del">
          <ac:chgData name="McGahey, Gavin CDT (EDU)" userId="S::gavin.l.mcgahey@uscga.edu::b06b179e-e56f-4c6b-a61e-283bd20d1274" providerId="AD" clId="Web-{C99188AA-4020-E16D-0242-2801A83DCA2A}" dt="2021-11-09T02:16:32.789" v="1876"/>
          <ac:spMkLst>
            <pc:docMk/>
            <pc:sldMk cId="830143972" sldId="285"/>
            <ac:spMk id="10" creationId="{AE2B703B-46F9-481A-A605-82E2A828C4FA}"/>
          </ac:spMkLst>
        </pc:spChg>
        <pc:spChg chg="add del">
          <ac:chgData name="McGahey, Gavin CDT (EDU)" userId="S::gavin.l.mcgahey@uscga.edu::b06b179e-e56f-4c6b-a61e-283bd20d1274" providerId="AD" clId="Web-{C99188AA-4020-E16D-0242-2801A83DCA2A}" dt="2021-11-09T02:15:54.662" v="1872"/>
          <ac:spMkLst>
            <pc:docMk/>
            <pc:sldMk cId="830143972" sldId="285"/>
            <ac:spMk id="11" creationId="{F13BE4D7-0C3D-4906-B230-A1C5B4665CCF}"/>
          </ac:spMkLst>
        </pc:spChg>
        <pc:spChg chg="add del">
          <ac:chgData name="McGahey, Gavin CDT (EDU)" userId="S::gavin.l.mcgahey@uscga.edu::b06b179e-e56f-4c6b-a61e-283bd20d1274" providerId="AD" clId="Web-{C99188AA-4020-E16D-0242-2801A83DCA2A}" dt="2021-11-09T02:16:32.789" v="1876"/>
          <ac:spMkLst>
            <pc:docMk/>
            <pc:sldMk cId="830143972" sldId="285"/>
            <ac:spMk id="12" creationId="{F13BE4D7-0C3D-4906-B230-A1C5B4665CCF}"/>
          </ac:spMkLst>
        </pc:spChg>
        <pc:spChg chg="add del">
          <ac:chgData name="McGahey, Gavin CDT (EDU)" userId="S::gavin.l.mcgahey@uscga.edu::b06b179e-e56f-4c6b-a61e-283bd20d1274" providerId="AD" clId="Web-{C99188AA-4020-E16D-0242-2801A83DCA2A}" dt="2021-11-09T02:16:34.570" v="1878"/>
          <ac:spMkLst>
            <pc:docMk/>
            <pc:sldMk cId="830143972" sldId="285"/>
            <ac:spMk id="14" creationId="{59A309A7-1751-4ABE-A3C1-EEC40366AD89}"/>
          </ac:spMkLst>
        </pc:spChg>
        <pc:spChg chg="add del">
          <ac:chgData name="McGahey, Gavin CDT (EDU)" userId="S::gavin.l.mcgahey@uscga.edu::b06b179e-e56f-4c6b-a61e-283bd20d1274" providerId="AD" clId="Web-{C99188AA-4020-E16D-0242-2801A83DCA2A}" dt="2021-11-09T02:16:34.570" v="1878"/>
          <ac:spMkLst>
            <pc:docMk/>
            <pc:sldMk cId="830143972" sldId="285"/>
            <ac:spMk id="15" creationId="{967D8EB6-EAE1-4F9C-B398-83321E287204}"/>
          </ac:spMkLst>
        </pc:spChg>
        <pc:spChg chg="add del">
          <ac:chgData name="McGahey, Gavin CDT (EDU)" userId="S::gavin.l.mcgahey@uscga.edu::b06b179e-e56f-4c6b-a61e-283bd20d1274" providerId="AD" clId="Web-{C99188AA-4020-E16D-0242-2801A83DCA2A}" dt="2021-11-09T02:16:44.867" v="1880"/>
          <ac:spMkLst>
            <pc:docMk/>
            <pc:sldMk cId="830143972" sldId="285"/>
            <ac:spMk id="17" creationId="{59A309A7-1751-4ABE-A3C1-EEC40366AD89}"/>
          </ac:spMkLst>
        </pc:spChg>
        <pc:spChg chg="add del">
          <ac:chgData name="McGahey, Gavin CDT (EDU)" userId="S::gavin.l.mcgahey@uscga.edu::b06b179e-e56f-4c6b-a61e-283bd20d1274" providerId="AD" clId="Web-{C99188AA-4020-E16D-0242-2801A83DCA2A}" dt="2021-11-09T02:16:44.867" v="1880"/>
          <ac:spMkLst>
            <pc:docMk/>
            <pc:sldMk cId="830143972" sldId="285"/>
            <ac:spMk id="18" creationId="{967D8EB6-EAE1-4F9C-B398-83321E287204}"/>
          </ac:spMkLst>
        </pc:spChg>
        <pc:graphicFrameChg chg="add del">
          <ac:chgData name="McGahey, Gavin CDT (EDU)" userId="S::gavin.l.mcgahey@uscga.edu::b06b179e-e56f-4c6b-a61e-283bd20d1274" providerId="AD" clId="Web-{C99188AA-4020-E16D-0242-2801A83DCA2A}" dt="2021-11-09T02:15:43.614" v="1870"/>
          <ac:graphicFrameMkLst>
            <pc:docMk/>
            <pc:sldMk cId="830143972" sldId="285"/>
            <ac:graphicFrameMk id="5" creationId="{F5B1ED8D-CCB0-42C1-8FC4-93436A252872}"/>
          </ac:graphicFrameMkLst>
        </pc:graphicFrameChg>
        <pc:graphicFrameChg chg="add del">
          <ac:chgData name="McGahey, Gavin CDT (EDU)" userId="S::gavin.l.mcgahey@uscga.edu::b06b179e-e56f-4c6b-a61e-283bd20d1274" providerId="AD" clId="Web-{C99188AA-4020-E16D-0242-2801A83DCA2A}" dt="2021-11-09T02:15:54.662" v="1872"/>
          <ac:graphicFrameMkLst>
            <pc:docMk/>
            <pc:sldMk cId="830143972" sldId="285"/>
            <ac:graphicFrameMk id="7" creationId="{3285DF5B-9086-4D53-8FC0-967E863D401F}"/>
          </ac:graphicFrameMkLst>
        </pc:graphicFrameChg>
        <pc:graphicFrameChg chg="add del">
          <ac:chgData name="McGahey, Gavin CDT (EDU)" userId="S::gavin.l.mcgahey@uscga.edu::b06b179e-e56f-4c6b-a61e-283bd20d1274" providerId="AD" clId="Web-{C99188AA-4020-E16D-0242-2801A83DCA2A}" dt="2021-11-09T02:16:21.351" v="1874"/>
          <ac:graphicFrameMkLst>
            <pc:docMk/>
            <pc:sldMk cId="830143972" sldId="285"/>
            <ac:graphicFrameMk id="8" creationId="{62A109B5-9357-4AE6-956D-E0918D1EE3CB}"/>
          </ac:graphicFrameMkLst>
        </pc:graphicFrameChg>
        <pc:graphicFrameChg chg="add del">
          <ac:chgData name="McGahey, Gavin CDT (EDU)" userId="S::gavin.l.mcgahey@uscga.edu::b06b179e-e56f-4c6b-a61e-283bd20d1274" providerId="AD" clId="Web-{C99188AA-4020-E16D-0242-2801A83DCA2A}" dt="2021-11-09T02:16:32.789" v="1876"/>
          <ac:graphicFrameMkLst>
            <pc:docMk/>
            <pc:sldMk cId="830143972" sldId="285"/>
            <ac:graphicFrameMk id="13" creationId="{3285DF5B-9086-4D53-8FC0-967E863D401F}"/>
          </ac:graphicFrameMkLst>
        </pc:graphicFrameChg>
        <pc:graphicFrameChg chg="add mod">
          <ac:chgData name="McGahey, Gavin CDT (EDU)" userId="S::gavin.l.mcgahey@uscga.edu::b06b179e-e56f-4c6b-a61e-283bd20d1274" providerId="AD" clId="Web-{C99188AA-4020-E16D-0242-2801A83DCA2A}" dt="2021-11-09T02:19:39.438" v="1890"/>
          <ac:graphicFrameMkLst>
            <pc:docMk/>
            <pc:sldMk cId="830143972" sldId="285"/>
            <ac:graphicFrameMk id="20" creationId="{0789413C-64E7-4C71-AD25-1BE64FFB340D}"/>
          </ac:graphicFrameMkLst>
        </pc:graphicFrameChg>
        <pc:picChg chg="add del">
          <ac:chgData name="McGahey, Gavin CDT (EDU)" userId="S::gavin.l.mcgahey@uscga.edu::b06b179e-e56f-4c6b-a61e-283bd20d1274" providerId="AD" clId="Web-{C99188AA-4020-E16D-0242-2801A83DCA2A}" dt="2021-11-09T02:16:34.570" v="1878"/>
          <ac:picMkLst>
            <pc:docMk/>
            <pc:sldMk cId="830143972" sldId="285"/>
            <ac:picMk id="16" creationId="{E0E6D62F-893A-4F57-AF97-BA3BE0232D22}"/>
          </ac:picMkLst>
        </pc:picChg>
        <pc:picChg chg="add del">
          <ac:chgData name="McGahey, Gavin CDT (EDU)" userId="S::gavin.l.mcgahey@uscga.edu::b06b179e-e56f-4c6b-a61e-283bd20d1274" providerId="AD" clId="Web-{C99188AA-4020-E16D-0242-2801A83DCA2A}" dt="2021-11-09T02:16:44.867" v="1880"/>
          <ac:picMkLst>
            <pc:docMk/>
            <pc:sldMk cId="830143972" sldId="285"/>
            <ac:picMk id="19" creationId="{D2211AA5-A223-4A81-A3A0-7C02F80C74B3}"/>
          </ac:picMkLst>
        </pc:picChg>
      </pc:sldChg>
      <pc:sldChg chg="addSp delSp modSp">
        <pc:chgData name="McGahey, Gavin CDT (EDU)" userId="S::gavin.l.mcgahey@uscga.edu::b06b179e-e56f-4c6b-a61e-283bd20d1274" providerId="AD" clId="Web-{C99188AA-4020-E16D-0242-2801A83DCA2A}" dt="2021-11-09T03:17:43.155" v="3687" actId="20577"/>
        <pc:sldMkLst>
          <pc:docMk/>
          <pc:sldMk cId="430956393" sldId="952"/>
        </pc:sldMkLst>
        <pc:spChg chg="add del">
          <ac:chgData name="McGahey, Gavin CDT (EDU)" userId="S::gavin.l.mcgahey@uscga.edu::b06b179e-e56f-4c6b-a61e-283bd20d1274" providerId="AD" clId="Web-{C99188AA-4020-E16D-0242-2801A83DCA2A}" dt="2021-11-09T02:34:48.691" v="2125"/>
          <ac:spMkLst>
            <pc:docMk/>
            <pc:sldMk cId="430956393" sldId="952"/>
            <ac:spMk id="178" creationId="{71353E36-1593-4615-9CB8-BAD47A8C3B00}"/>
          </ac:spMkLst>
        </pc:spChg>
        <pc:spChg chg="add del">
          <ac:chgData name="McGahey, Gavin CDT (EDU)" userId="S::gavin.l.mcgahey@uscga.edu::b06b179e-e56f-4c6b-a61e-283bd20d1274" providerId="AD" clId="Web-{C99188AA-4020-E16D-0242-2801A83DCA2A}" dt="2021-11-09T02:35:17.880" v="2133"/>
          <ac:spMkLst>
            <pc:docMk/>
            <pc:sldMk cId="430956393" sldId="952"/>
            <ac:spMk id="179" creationId="{4F2D7FF9-B381-4C8E-A44A-1F3D9F69CFEE}"/>
          </ac:spMkLst>
        </pc:spChg>
        <pc:spChg chg="add del">
          <ac:chgData name="McGahey, Gavin CDT (EDU)" userId="S::gavin.l.mcgahey@uscga.edu::b06b179e-e56f-4c6b-a61e-283bd20d1274" providerId="AD" clId="Web-{C99188AA-4020-E16D-0242-2801A83DCA2A}" dt="2021-11-09T02:35:06.833" v="2130"/>
          <ac:spMkLst>
            <pc:docMk/>
            <pc:sldMk cId="430956393" sldId="952"/>
            <ac:spMk id="180" creationId="{7AF9A479-3812-430A-A453-CD635174F5A5}"/>
          </ac:spMkLst>
        </pc:spChg>
        <pc:spChg chg="add mod">
          <ac:chgData name="McGahey, Gavin CDT (EDU)" userId="S::gavin.l.mcgahey@uscga.edu::b06b179e-e56f-4c6b-a61e-283bd20d1274" providerId="AD" clId="Web-{C99188AA-4020-E16D-0242-2801A83DCA2A}" dt="2021-11-09T02:36:54.025" v="2145" actId="14100"/>
          <ac:spMkLst>
            <pc:docMk/>
            <pc:sldMk cId="430956393" sldId="952"/>
            <ac:spMk id="181" creationId="{D3EC21B9-7B52-41A6-B299-7542D416906E}"/>
          </ac:spMkLst>
        </pc:spChg>
        <pc:spChg chg="add mod">
          <ac:chgData name="McGahey, Gavin CDT (EDU)" userId="S::gavin.l.mcgahey@uscga.edu::b06b179e-e56f-4c6b-a61e-283bd20d1274" providerId="AD" clId="Web-{C99188AA-4020-E16D-0242-2801A83DCA2A}" dt="2021-11-09T02:44:17.983" v="2495" actId="1076"/>
          <ac:spMkLst>
            <pc:docMk/>
            <pc:sldMk cId="430956393" sldId="952"/>
            <ac:spMk id="183" creationId="{72F9F95E-003F-4E3A-978D-1BCB4CE1147A}"/>
          </ac:spMkLst>
        </pc:spChg>
        <pc:spChg chg="add del">
          <ac:chgData name="McGahey, Gavin CDT (EDU)" userId="S::gavin.l.mcgahey@uscga.edu::b06b179e-e56f-4c6b-a61e-283bd20d1274" providerId="AD" clId="Web-{C99188AA-4020-E16D-0242-2801A83DCA2A}" dt="2021-11-09T02:39:03.953" v="2334"/>
          <ac:spMkLst>
            <pc:docMk/>
            <pc:sldMk cId="430956393" sldId="952"/>
            <ac:spMk id="185" creationId="{D0D7A192-AF9F-41FC-9640-8D128FC94D04}"/>
          </ac:spMkLst>
        </pc:spChg>
        <pc:spChg chg="add mod">
          <ac:chgData name="McGahey, Gavin CDT (EDU)" userId="S::gavin.l.mcgahey@uscga.edu::b06b179e-e56f-4c6b-a61e-283bd20d1274" providerId="AD" clId="Web-{C99188AA-4020-E16D-0242-2801A83DCA2A}" dt="2021-11-09T02:39:18.798" v="2336" actId="1076"/>
          <ac:spMkLst>
            <pc:docMk/>
            <pc:sldMk cId="430956393" sldId="952"/>
            <ac:spMk id="186" creationId="{84F72997-3242-4CD1-829B-3B9703F997C4}"/>
          </ac:spMkLst>
        </pc:spChg>
        <pc:spChg chg="add del mod">
          <ac:chgData name="McGahey, Gavin CDT (EDU)" userId="S::gavin.l.mcgahey@uscga.edu::b06b179e-e56f-4c6b-a61e-283bd20d1274" providerId="AD" clId="Web-{C99188AA-4020-E16D-0242-2801A83DCA2A}" dt="2021-11-09T03:17:43.155" v="3687" actId="20577"/>
          <ac:spMkLst>
            <pc:docMk/>
            <pc:sldMk cId="430956393" sldId="952"/>
            <ac:spMk id="187" creationId="{72AD3998-C95B-48A6-82B2-FFD7115723B6}"/>
          </ac:spMkLst>
        </pc:spChg>
        <pc:spChg chg="add mod">
          <ac:chgData name="McGahey, Gavin CDT (EDU)" userId="S::gavin.l.mcgahey@uscga.edu::b06b179e-e56f-4c6b-a61e-283bd20d1274" providerId="AD" clId="Web-{C99188AA-4020-E16D-0242-2801A83DCA2A}" dt="2021-11-09T02:41:19.881" v="2404" actId="1076"/>
          <ac:spMkLst>
            <pc:docMk/>
            <pc:sldMk cId="430956393" sldId="952"/>
            <ac:spMk id="189" creationId="{8658C66E-ED16-4F14-ABA1-7DB38BC8D29E}"/>
          </ac:spMkLst>
        </pc:spChg>
        <pc:spChg chg="add del mod">
          <ac:chgData name="McGahey, Gavin CDT (EDU)" userId="S::gavin.l.mcgahey@uscga.edu::b06b179e-e56f-4c6b-a61e-283bd20d1274" providerId="AD" clId="Web-{C99188AA-4020-E16D-0242-2801A83DCA2A}" dt="2021-11-09T03:16:37.464" v="3661" actId="20577"/>
          <ac:spMkLst>
            <pc:docMk/>
            <pc:sldMk cId="430956393" sldId="952"/>
            <ac:spMk id="190" creationId="{77398F2B-8E49-41F0-95C7-2BB73FE5F70C}"/>
          </ac:spMkLst>
        </pc:spChg>
        <pc:spChg chg="mod">
          <ac:chgData name="McGahey, Gavin CDT (EDU)" userId="S::gavin.l.mcgahey@uscga.edu::b06b179e-e56f-4c6b-a61e-283bd20d1274" providerId="AD" clId="Web-{C99188AA-4020-E16D-0242-2801A83DCA2A}" dt="2021-11-09T02:36:37.681" v="2143" actId="14100"/>
          <ac:spMkLst>
            <pc:docMk/>
            <pc:sldMk cId="430956393" sldId="952"/>
            <ac:spMk id="273" creationId="{FA008D9C-FE9F-425B-8D4C-35CDCFDF6E26}"/>
          </ac:spMkLst>
        </pc:spChg>
        <pc:spChg chg="mod">
          <ac:chgData name="McGahey, Gavin CDT (EDU)" userId="S::gavin.l.mcgahey@uscga.edu::b06b179e-e56f-4c6b-a61e-283bd20d1274" providerId="AD" clId="Web-{C99188AA-4020-E16D-0242-2801A83DCA2A}" dt="2021-11-09T02:36:46.963" v="2144" actId="1076"/>
          <ac:spMkLst>
            <pc:docMk/>
            <pc:sldMk cId="430956393" sldId="952"/>
            <ac:spMk id="275" creationId="{B04BCFC0-45A6-437B-89B7-52A27843B8DC}"/>
          </ac:spMkLst>
        </pc:spChg>
        <pc:spChg chg="del">
          <ac:chgData name="McGahey, Gavin CDT (EDU)" userId="S::gavin.l.mcgahey@uscga.edu::b06b179e-e56f-4c6b-a61e-283bd20d1274" providerId="AD" clId="Web-{C99188AA-4020-E16D-0242-2801A83DCA2A}" dt="2021-11-09T02:36:13.211" v="2139"/>
          <ac:spMkLst>
            <pc:docMk/>
            <pc:sldMk cId="430956393" sldId="952"/>
            <ac:spMk id="276" creationId="{171A18D7-FCC4-4187-B0CD-6FFCC6A17902}"/>
          </ac:spMkLst>
        </pc:spChg>
        <pc:spChg chg="del">
          <ac:chgData name="McGahey, Gavin CDT (EDU)" userId="S::gavin.l.mcgahey@uscga.edu::b06b179e-e56f-4c6b-a61e-283bd20d1274" providerId="AD" clId="Web-{C99188AA-4020-E16D-0242-2801A83DCA2A}" dt="2021-11-09T02:36:14.430" v="2140"/>
          <ac:spMkLst>
            <pc:docMk/>
            <pc:sldMk cId="430956393" sldId="952"/>
            <ac:spMk id="277" creationId="{E7C014F9-FF55-4AA3-94D7-39F247FF4B34}"/>
          </ac:spMkLst>
        </pc:spChg>
      </pc:sldChg>
      <pc:sldChg chg="modSp modNotes">
        <pc:chgData name="McGahey, Gavin CDT (EDU)" userId="S::gavin.l.mcgahey@uscga.edu::b06b179e-e56f-4c6b-a61e-283bd20d1274" providerId="AD" clId="Web-{C99188AA-4020-E16D-0242-2801A83DCA2A}" dt="2021-11-09T03:24:16.454" v="3921"/>
        <pc:sldMkLst>
          <pc:docMk/>
          <pc:sldMk cId="2103103093" sldId="953"/>
        </pc:sldMkLst>
        <pc:spChg chg="mod">
          <ac:chgData name="McGahey, Gavin CDT (EDU)" userId="S::gavin.l.mcgahey@uscga.edu::b06b179e-e56f-4c6b-a61e-283bd20d1274" providerId="AD" clId="Web-{C99188AA-4020-E16D-0242-2801A83DCA2A}" dt="2021-11-09T02:11:17.758" v="1850"/>
          <ac:spMkLst>
            <pc:docMk/>
            <pc:sldMk cId="2103103093" sldId="953"/>
            <ac:spMk id="2" creationId="{684A829B-2995-4F4A-B325-ADB0DF4EAA99}"/>
          </ac:spMkLst>
        </pc:spChg>
        <pc:spChg chg="mod">
          <ac:chgData name="McGahey, Gavin CDT (EDU)" userId="S::gavin.l.mcgahey@uscga.edu::b06b179e-e56f-4c6b-a61e-283bd20d1274" providerId="AD" clId="Web-{C99188AA-4020-E16D-0242-2801A83DCA2A}" dt="2021-11-09T02:13:45.203" v="1859" actId="20577"/>
          <ac:spMkLst>
            <pc:docMk/>
            <pc:sldMk cId="2103103093" sldId="953"/>
            <ac:spMk id="3" creationId="{285C5AC2-324B-4606-9B8E-B242CD80F10C}"/>
          </ac:spMkLst>
        </pc:spChg>
      </pc:sldChg>
      <pc:sldChg chg="add replId">
        <pc:chgData name="McGahey, Gavin CDT (EDU)" userId="S::gavin.l.mcgahey@uscga.edu::b06b179e-e56f-4c6b-a61e-283bd20d1274" providerId="AD" clId="Web-{C99188AA-4020-E16D-0242-2801A83DCA2A}" dt="2021-11-09T02:03:37.393" v="1284"/>
        <pc:sldMkLst>
          <pc:docMk/>
          <pc:sldMk cId="3743581791" sldId="956"/>
        </pc:sldMkLst>
      </pc:sldChg>
    </pc:docChg>
  </pc:docChgLst>
  <pc:docChgLst>
    <pc:chgData name="Schellman, Jacob CDT (EDU)" userId="18a3f18a-dac4-4eb0-b3aa-bf692ea1c570" providerId="ADAL" clId="{FAF3F413-B203-4B84-9C72-FC6542AFE52C}"/>
    <pc:docChg chg="undo custSel addSld delSld modSld">
      <pc:chgData name="Schellman, Jacob CDT (EDU)" userId="18a3f18a-dac4-4eb0-b3aa-bf692ea1c570" providerId="ADAL" clId="{FAF3F413-B203-4B84-9C72-FC6542AFE52C}" dt="2021-11-09T12:05:46.098" v="1384" actId="20577"/>
      <pc:docMkLst>
        <pc:docMk/>
      </pc:docMkLst>
      <pc:sldChg chg="modNotesTx">
        <pc:chgData name="Schellman, Jacob CDT (EDU)" userId="18a3f18a-dac4-4eb0-b3aa-bf692ea1c570" providerId="ADAL" clId="{FAF3F413-B203-4B84-9C72-FC6542AFE52C}" dt="2021-11-09T11:59:37.378" v="366" actId="20577"/>
        <pc:sldMkLst>
          <pc:docMk/>
          <pc:sldMk cId="1382177328" sldId="282"/>
        </pc:sldMkLst>
      </pc:sldChg>
      <pc:sldChg chg="add del modNotesTx">
        <pc:chgData name="Schellman, Jacob CDT (EDU)" userId="18a3f18a-dac4-4eb0-b3aa-bf692ea1c570" providerId="ADAL" clId="{FAF3F413-B203-4B84-9C72-FC6542AFE52C}" dt="2021-11-09T12:05:46.098" v="1384" actId="20577"/>
        <pc:sldMkLst>
          <pc:docMk/>
          <pc:sldMk cId="430956393" sldId="952"/>
        </pc:sldMkLst>
      </pc:sldChg>
    </pc:docChg>
  </pc:docChgLst>
  <pc:docChgLst>
    <pc:chgData name="Jacob Schellman" userId="18a3f18a-dac4-4eb0-b3aa-bf692ea1c570" providerId="ADAL" clId="{FAF3F413-B203-4B84-9C72-FC6542AFE52C}"/>
    <pc:docChg chg="undo custSel addSld delSld modSld">
      <pc:chgData name="Jacob Schellman" userId="18a3f18a-dac4-4eb0-b3aa-bf692ea1c570" providerId="ADAL" clId="{FAF3F413-B203-4B84-9C72-FC6542AFE52C}" dt="2021-11-09T04:52:53.395" v="6074" actId="20577"/>
      <pc:docMkLst>
        <pc:docMk/>
      </pc:docMkLst>
      <pc:sldChg chg="modSp mod">
        <pc:chgData name="Jacob Schellman" userId="18a3f18a-dac4-4eb0-b3aa-bf692ea1c570" providerId="ADAL" clId="{FAF3F413-B203-4B84-9C72-FC6542AFE52C}" dt="2021-11-09T02:24:21.512" v="2" actId="1076"/>
        <pc:sldMkLst>
          <pc:docMk/>
          <pc:sldMk cId="2510107116" sldId="266"/>
        </pc:sldMkLst>
        <pc:picChg chg="mod">
          <ac:chgData name="Jacob Schellman" userId="18a3f18a-dac4-4eb0-b3aa-bf692ea1c570" providerId="ADAL" clId="{FAF3F413-B203-4B84-9C72-FC6542AFE52C}" dt="2021-11-09T02:24:21.512" v="2" actId="1076"/>
          <ac:picMkLst>
            <pc:docMk/>
            <pc:sldMk cId="2510107116" sldId="266"/>
            <ac:picMk id="9" creationId="{45BAC49A-C5E6-47BF-9890-EAA72811B70E}"/>
          </ac:picMkLst>
        </pc:picChg>
        <pc:picChg chg="mod">
          <ac:chgData name="Jacob Schellman" userId="18a3f18a-dac4-4eb0-b3aa-bf692ea1c570" providerId="ADAL" clId="{FAF3F413-B203-4B84-9C72-FC6542AFE52C}" dt="2021-11-09T02:24:21.512" v="2" actId="1076"/>
          <ac:picMkLst>
            <pc:docMk/>
            <pc:sldMk cId="2510107116" sldId="266"/>
            <ac:picMk id="18" creationId="{F88CD8A7-0E1A-4EE8-92C4-866BF2D674B5}"/>
          </ac:picMkLst>
        </pc:picChg>
      </pc:sldChg>
      <pc:sldChg chg="addSp delSp modSp mod">
        <pc:chgData name="Jacob Schellman" userId="18a3f18a-dac4-4eb0-b3aa-bf692ea1c570" providerId="ADAL" clId="{FAF3F413-B203-4B84-9C72-FC6542AFE52C}" dt="2021-11-09T04:03:42.253" v="477" actId="26606"/>
        <pc:sldMkLst>
          <pc:docMk/>
          <pc:sldMk cId="4070126612" sldId="272"/>
        </pc:sldMkLst>
        <pc:spChg chg="mod">
          <ac:chgData name="Jacob Schellman" userId="18a3f18a-dac4-4eb0-b3aa-bf692ea1c570" providerId="ADAL" clId="{FAF3F413-B203-4B84-9C72-FC6542AFE52C}" dt="2021-11-09T03:39:35.316" v="326" actId="1076"/>
          <ac:spMkLst>
            <pc:docMk/>
            <pc:sldMk cId="4070126612" sldId="272"/>
            <ac:spMk id="4" creationId="{D7AEB035-8AEE-41BF-9C7A-04E3434611D7}"/>
          </ac:spMkLst>
        </pc:spChg>
        <pc:spChg chg="add del mod">
          <ac:chgData name="Jacob Schellman" userId="18a3f18a-dac4-4eb0-b3aa-bf692ea1c570" providerId="ADAL" clId="{FAF3F413-B203-4B84-9C72-FC6542AFE52C}" dt="2021-11-09T04:03:42.253" v="477" actId="26606"/>
          <ac:spMkLst>
            <pc:docMk/>
            <pc:sldMk cId="4070126612" sldId="272"/>
            <ac:spMk id="5" creationId="{55B45AFB-4169-4E9C-AF1B-4C57A6010F5F}"/>
          </ac:spMkLst>
        </pc:spChg>
        <pc:graphicFrameChg chg="add del">
          <ac:chgData name="Jacob Schellman" userId="18a3f18a-dac4-4eb0-b3aa-bf692ea1c570" providerId="ADAL" clId="{FAF3F413-B203-4B84-9C72-FC6542AFE52C}" dt="2021-11-09T04:03:42.253" v="477" actId="26606"/>
          <ac:graphicFrameMkLst>
            <pc:docMk/>
            <pc:sldMk cId="4070126612" sldId="272"/>
            <ac:graphicFrameMk id="7" creationId="{CA7B4641-09D2-425F-957B-1FA4529B29F1}"/>
          </ac:graphicFrameMkLst>
        </pc:graphicFrameChg>
      </pc:sldChg>
      <pc:sldChg chg="modSp">
        <pc:chgData name="Jacob Schellman" userId="18a3f18a-dac4-4eb0-b3aa-bf692ea1c570" providerId="ADAL" clId="{FAF3F413-B203-4B84-9C72-FC6542AFE52C}" dt="2021-11-09T00:41:50.940" v="0"/>
        <pc:sldMkLst>
          <pc:docMk/>
          <pc:sldMk cId="341688564" sldId="277"/>
        </pc:sldMkLst>
        <pc:graphicFrameChg chg="mod">
          <ac:chgData name="Jacob Schellman" userId="18a3f18a-dac4-4eb0-b3aa-bf692ea1c570" providerId="ADAL" clId="{FAF3F413-B203-4B84-9C72-FC6542AFE52C}" dt="2021-11-09T00:41:50.940" v="0"/>
          <ac:graphicFrameMkLst>
            <pc:docMk/>
            <pc:sldMk cId="341688564" sldId="277"/>
            <ac:graphicFrameMk id="14" creationId="{BBB5BB30-BD99-4076-9334-C7AB22D09FF0}"/>
          </ac:graphicFrameMkLst>
        </pc:graphicFrameChg>
      </pc:sldChg>
      <pc:sldChg chg="addSp delSp modSp mod delCm modNotesTx">
        <pc:chgData name="Jacob Schellman" userId="18a3f18a-dac4-4eb0-b3aa-bf692ea1c570" providerId="ADAL" clId="{FAF3F413-B203-4B84-9C72-FC6542AFE52C}" dt="2021-11-09T04:34:59.508" v="4201" actId="20577"/>
        <pc:sldMkLst>
          <pc:docMk/>
          <pc:sldMk cId="1382177328" sldId="282"/>
        </pc:sldMkLst>
        <pc:spChg chg="del">
          <ac:chgData name="Jacob Schellman" userId="18a3f18a-dac4-4eb0-b3aa-bf692ea1c570" providerId="ADAL" clId="{FAF3F413-B203-4B84-9C72-FC6542AFE52C}" dt="2021-11-09T03:12:54.775" v="10" actId="478"/>
          <ac:spMkLst>
            <pc:docMk/>
            <pc:sldMk cId="1382177328" sldId="282"/>
            <ac:spMk id="2" creationId="{95F8F1E8-4E42-4AA2-8C49-661C9EEE2DDE}"/>
          </ac:spMkLst>
        </pc:spChg>
        <pc:spChg chg="add del mod">
          <ac:chgData name="Jacob Schellman" userId="18a3f18a-dac4-4eb0-b3aa-bf692ea1c570" providerId="ADAL" clId="{FAF3F413-B203-4B84-9C72-FC6542AFE52C}" dt="2021-11-09T03:08:03.155" v="9" actId="478"/>
          <ac:spMkLst>
            <pc:docMk/>
            <pc:sldMk cId="1382177328" sldId="282"/>
            <ac:spMk id="6" creationId="{04EFBFCE-0241-4947-A481-21C36D037CAC}"/>
          </ac:spMkLst>
        </pc:spChg>
        <pc:spChg chg="add del mod">
          <ac:chgData name="Jacob Schellman" userId="18a3f18a-dac4-4eb0-b3aa-bf692ea1c570" providerId="ADAL" clId="{FAF3F413-B203-4B84-9C72-FC6542AFE52C}" dt="2021-11-09T03:13:09.871" v="14" actId="478"/>
          <ac:spMkLst>
            <pc:docMk/>
            <pc:sldMk cId="1382177328" sldId="282"/>
            <ac:spMk id="10" creationId="{E0D456EF-7B55-4BAE-B910-6FFCAECED6A2}"/>
          </ac:spMkLst>
        </pc:spChg>
        <pc:spChg chg="add del">
          <ac:chgData name="Jacob Schellman" userId="18a3f18a-dac4-4eb0-b3aa-bf692ea1c570" providerId="ADAL" clId="{FAF3F413-B203-4B84-9C72-FC6542AFE52C}" dt="2021-11-09T03:12:54.775" v="10" actId="478"/>
          <ac:spMkLst>
            <pc:docMk/>
            <pc:sldMk cId="1382177328" sldId="282"/>
            <ac:spMk id="15" creationId="{AEE1FDD0-2DB3-4995-9EEC-22021DBAC7DC}"/>
          </ac:spMkLst>
        </pc:spChg>
        <pc:spChg chg="add del">
          <ac:chgData name="Jacob Schellman" userId="18a3f18a-dac4-4eb0-b3aa-bf692ea1c570" providerId="ADAL" clId="{FAF3F413-B203-4B84-9C72-FC6542AFE52C}" dt="2021-11-09T03:12:54.775" v="10" actId="478"/>
          <ac:spMkLst>
            <pc:docMk/>
            <pc:sldMk cId="1382177328" sldId="282"/>
            <ac:spMk id="16" creationId="{23221704-B36D-442F-9954-36184A99723A}"/>
          </ac:spMkLst>
        </pc:spChg>
        <pc:spChg chg="add del">
          <ac:chgData name="Jacob Schellman" userId="18a3f18a-dac4-4eb0-b3aa-bf692ea1c570" providerId="ADAL" clId="{FAF3F413-B203-4B84-9C72-FC6542AFE52C}" dt="2021-11-09T03:12:54.775" v="10" actId="478"/>
          <ac:spMkLst>
            <pc:docMk/>
            <pc:sldMk cId="1382177328" sldId="282"/>
            <ac:spMk id="17" creationId="{FDBF4F3F-40E7-4A0A-AC72-1FFB6312967F}"/>
          </ac:spMkLst>
        </pc:spChg>
        <pc:spChg chg="add del">
          <ac:chgData name="Jacob Schellman" userId="18a3f18a-dac4-4eb0-b3aa-bf692ea1c570" providerId="ADAL" clId="{FAF3F413-B203-4B84-9C72-FC6542AFE52C}" dt="2021-11-09T03:12:54.775" v="10" actId="478"/>
          <ac:spMkLst>
            <pc:docMk/>
            <pc:sldMk cId="1382177328" sldId="282"/>
            <ac:spMk id="18" creationId="{3CFFB0A2-49DD-4E67-ADE0-02BC26A75AF5}"/>
          </ac:spMkLst>
        </pc:spChg>
        <pc:spChg chg="add del">
          <ac:chgData name="Jacob Schellman" userId="18a3f18a-dac4-4eb0-b3aa-bf692ea1c570" providerId="ADAL" clId="{FAF3F413-B203-4B84-9C72-FC6542AFE52C}" dt="2021-11-09T03:12:54.775" v="10" actId="478"/>
          <ac:spMkLst>
            <pc:docMk/>
            <pc:sldMk cId="1382177328" sldId="282"/>
            <ac:spMk id="19" creationId="{F5E53642-B772-4251-BC20-42446E31BED9}"/>
          </ac:spMkLst>
        </pc:spChg>
        <pc:spChg chg="add del mod">
          <ac:chgData name="Jacob Schellman" userId="18a3f18a-dac4-4eb0-b3aa-bf692ea1c570" providerId="ADAL" clId="{FAF3F413-B203-4B84-9C72-FC6542AFE52C}" dt="2021-11-09T03:12:54.775" v="10" actId="478"/>
          <ac:spMkLst>
            <pc:docMk/>
            <pc:sldMk cId="1382177328" sldId="282"/>
            <ac:spMk id="20" creationId="{1E15A823-403D-44FB-AD97-6969DEE7626A}"/>
          </ac:spMkLst>
        </pc:spChg>
        <pc:spChg chg="add del mod">
          <ac:chgData name="Jacob Schellman" userId="18a3f18a-dac4-4eb0-b3aa-bf692ea1c570" providerId="ADAL" clId="{FAF3F413-B203-4B84-9C72-FC6542AFE52C}" dt="2021-11-09T03:12:59.430" v="11"/>
          <ac:spMkLst>
            <pc:docMk/>
            <pc:sldMk cId="1382177328" sldId="282"/>
            <ac:spMk id="21" creationId="{E73586B6-39D8-4BC5-BCA9-D1A84AA0102D}"/>
          </ac:spMkLst>
        </pc:spChg>
        <pc:spChg chg="add del mod">
          <ac:chgData name="Jacob Schellman" userId="18a3f18a-dac4-4eb0-b3aa-bf692ea1c570" providerId="ADAL" clId="{FAF3F413-B203-4B84-9C72-FC6542AFE52C}" dt="2021-11-09T03:31:42.211" v="31"/>
          <ac:spMkLst>
            <pc:docMk/>
            <pc:sldMk cId="1382177328" sldId="282"/>
            <ac:spMk id="27" creationId="{BDDCD983-82ED-4F84-A333-20B700E1B0FA}"/>
          </ac:spMkLst>
        </pc:spChg>
        <pc:picChg chg="add del">
          <ac:chgData name="Jacob Schellman" userId="18a3f18a-dac4-4eb0-b3aa-bf692ea1c570" providerId="ADAL" clId="{FAF3F413-B203-4B84-9C72-FC6542AFE52C}" dt="2021-11-09T03:12:54.775" v="10" actId="478"/>
          <ac:picMkLst>
            <pc:docMk/>
            <pc:sldMk cId="1382177328" sldId="282"/>
            <ac:picMk id="5" creationId="{4514B80D-92B9-47BF-A4C7-D0F7A23E6317}"/>
          </ac:picMkLst>
        </pc:picChg>
        <pc:picChg chg="add del">
          <ac:chgData name="Jacob Schellman" userId="18a3f18a-dac4-4eb0-b3aa-bf692ea1c570" providerId="ADAL" clId="{FAF3F413-B203-4B84-9C72-FC6542AFE52C}" dt="2021-11-09T03:12:54.775" v="10" actId="478"/>
          <ac:picMkLst>
            <pc:docMk/>
            <pc:sldMk cId="1382177328" sldId="282"/>
            <ac:picMk id="7" creationId="{7C57F14D-BA5D-4DBB-8579-B7FFEE0818B8}"/>
          </ac:picMkLst>
        </pc:picChg>
        <pc:picChg chg="add del">
          <ac:chgData name="Jacob Schellman" userId="18a3f18a-dac4-4eb0-b3aa-bf692ea1c570" providerId="ADAL" clId="{FAF3F413-B203-4B84-9C72-FC6542AFE52C}" dt="2021-11-09T03:12:54.775" v="10" actId="478"/>
          <ac:picMkLst>
            <pc:docMk/>
            <pc:sldMk cId="1382177328" sldId="282"/>
            <ac:picMk id="9" creationId="{FDEF258C-8C20-4649-8A16-F2C44AEDCBF7}"/>
          </ac:picMkLst>
        </pc:picChg>
        <pc:picChg chg="add del">
          <ac:chgData name="Jacob Schellman" userId="18a3f18a-dac4-4eb0-b3aa-bf692ea1c570" providerId="ADAL" clId="{FAF3F413-B203-4B84-9C72-FC6542AFE52C}" dt="2021-11-09T03:12:54.775" v="10" actId="478"/>
          <ac:picMkLst>
            <pc:docMk/>
            <pc:sldMk cId="1382177328" sldId="282"/>
            <ac:picMk id="11" creationId="{1828A4A0-C016-4ADB-AEED-E92C80A4FB00}"/>
          </ac:picMkLst>
        </pc:picChg>
        <pc:picChg chg="add del">
          <ac:chgData name="Jacob Schellman" userId="18a3f18a-dac4-4eb0-b3aa-bf692ea1c570" providerId="ADAL" clId="{FAF3F413-B203-4B84-9C72-FC6542AFE52C}" dt="2021-11-09T03:12:54.775" v="10" actId="478"/>
          <ac:picMkLst>
            <pc:docMk/>
            <pc:sldMk cId="1382177328" sldId="282"/>
            <ac:picMk id="13" creationId="{3C2ACEED-FD7F-4A9F-8E7C-195E543DDD93}"/>
          </ac:picMkLst>
        </pc:picChg>
        <pc:picChg chg="add del mod">
          <ac:chgData name="Jacob Schellman" userId="18a3f18a-dac4-4eb0-b3aa-bf692ea1c570" providerId="ADAL" clId="{FAF3F413-B203-4B84-9C72-FC6542AFE52C}" dt="2021-11-09T03:31:40.289" v="30" actId="478"/>
          <ac:picMkLst>
            <pc:docMk/>
            <pc:sldMk cId="1382177328" sldId="282"/>
            <ac:picMk id="25" creationId="{832C3867-4A57-460E-82F4-C9FB53968CCD}"/>
          </ac:picMkLst>
        </pc:picChg>
        <pc:picChg chg="add mod">
          <ac:chgData name="Jacob Schellman" userId="18a3f18a-dac4-4eb0-b3aa-bf692ea1c570" providerId="ADAL" clId="{FAF3F413-B203-4B84-9C72-FC6542AFE52C}" dt="2021-11-09T03:31:49.311" v="37" actId="14100"/>
          <ac:picMkLst>
            <pc:docMk/>
            <pc:sldMk cId="1382177328" sldId="282"/>
            <ac:picMk id="29" creationId="{FD2150E9-4D3E-48D1-8E5B-FD53C144931C}"/>
          </ac:picMkLst>
        </pc:picChg>
      </pc:sldChg>
      <pc:sldChg chg="addSp delSp modSp mod">
        <pc:chgData name="Jacob Schellman" userId="18a3f18a-dac4-4eb0-b3aa-bf692ea1c570" providerId="ADAL" clId="{FAF3F413-B203-4B84-9C72-FC6542AFE52C}" dt="2021-11-09T04:00:47.270" v="475" actId="1076"/>
        <pc:sldMkLst>
          <pc:docMk/>
          <pc:sldMk cId="777197450" sldId="287"/>
        </pc:sldMkLst>
        <pc:picChg chg="del">
          <ac:chgData name="Jacob Schellman" userId="18a3f18a-dac4-4eb0-b3aa-bf692ea1c570" providerId="ADAL" clId="{FAF3F413-B203-4B84-9C72-FC6542AFE52C}" dt="2021-11-09T04:00:39.189" v="468" actId="478"/>
          <ac:picMkLst>
            <pc:docMk/>
            <pc:sldMk cId="777197450" sldId="287"/>
            <ac:picMk id="4" creationId="{75385CB3-C9AC-4F64-93C0-664A691E3E4B}"/>
          </ac:picMkLst>
        </pc:picChg>
        <pc:picChg chg="add mod">
          <ac:chgData name="Jacob Schellman" userId="18a3f18a-dac4-4eb0-b3aa-bf692ea1c570" providerId="ADAL" clId="{FAF3F413-B203-4B84-9C72-FC6542AFE52C}" dt="2021-11-09T04:00:47.270" v="475" actId="1076"/>
          <ac:picMkLst>
            <pc:docMk/>
            <pc:sldMk cId="777197450" sldId="287"/>
            <ac:picMk id="6" creationId="{5BDA6BFF-18A5-4BE6-904A-784CA3900C99}"/>
          </ac:picMkLst>
        </pc:picChg>
      </pc:sldChg>
      <pc:sldChg chg="addSp delSp modSp mod">
        <pc:chgData name="Jacob Schellman" userId="18a3f18a-dac4-4eb0-b3aa-bf692ea1c570" providerId="ADAL" clId="{FAF3F413-B203-4B84-9C72-FC6542AFE52C}" dt="2021-11-09T04:04:02.937" v="478" actId="14100"/>
        <pc:sldMkLst>
          <pc:docMk/>
          <pc:sldMk cId="1267526199" sldId="288"/>
        </pc:sldMkLst>
        <pc:spChg chg="mod">
          <ac:chgData name="Jacob Schellman" userId="18a3f18a-dac4-4eb0-b3aa-bf692ea1c570" providerId="ADAL" clId="{FAF3F413-B203-4B84-9C72-FC6542AFE52C}" dt="2021-11-09T03:54:49.395" v="463" actId="1076"/>
          <ac:spMkLst>
            <pc:docMk/>
            <pc:sldMk cId="1267526199" sldId="288"/>
            <ac:spMk id="2" creationId="{95F8F1E8-4E42-4AA2-8C49-661C9EEE2DDE}"/>
          </ac:spMkLst>
        </pc:spChg>
        <pc:spChg chg="mod">
          <ac:chgData name="Jacob Schellman" userId="18a3f18a-dac4-4eb0-b3aa-bf692ea1c570" providerId="ADAL" clId="{FAF3F413-B203-4B84-9C72-FC6542AFE52C}" dt="2021-11-09T03:54:46.291" v="462" actId="1076"/>
          <ac:spMkLst>
            <pc:docMk/>
            <pc:sldMk cId="1267526199" sldId="288"/>
            <ac:spMk id="3" creationId="{4BC1EB17-17D9-46B5-BB18-29163431A1BD}"/>
          </ac:spMkLst>
        </pc:spChg>
        <pc:spChg chg="add del mod">
          <ac:chgData name="Jacob Schellman" userId="18a3f18a-dac4-4eb0-b3aa-bf692ea1c570" providerId="ADAL" clId="{FAF3F413-B203-4B84-9C72-FC6542AFE52C}" dt="2021-11-09T03:54:28.629" v="454" actId="478"/>
          <ac:spMkLst>
            <pc:docMk/>
            <pc:sldMk cId="1267526199" sldId="288"/>
            <ac:spMk id="5" creationId="{28E49D93-180A-420C-B7A2-A8AA970F0138}"/>
          </ac:spMkLst>
        </pc:spChg>
        <pc:picChg chg="mod">
          <ac:chgData name="Jacob Schellman" userId="18a3f18a-dac4-4eb0-b3aa-bf692ea1c570" providerId="ADAL" clId="{FAF3F413-B203-4B84-9C72-FC6542AFE52C}" dt="2021-11-09T03:54:53.074" v="465" actId="1076"/>
          <ac:picMkLst>
            <pc:docMk/>
            <pc:sldMk cId="1267526199" sldId="288"/>
            <ac:picMk id="4" creationId="{FE9030AA-FC0E-4D3B-9308-95CFF9CB70E1}"/>
          </ac:picMkLst>
        </pc:picChg>
        <pc:picChg chg="add mod">
          <ac:chgData name="Jacob Schellman" userId="18a3f18a-dac4-4eb0-b3aa-bf692ea1c570" providerId="ADAL" clId="{FAF3F413-B203-4B84-9C72-FC6542AFE52C}" dt="2021-11-09T04:04:02.937" v="478" actId="14100"/>
          <ac:picMkLst>
            <pc:docMk/>
            <pc:sldMk cId="1267526199" sldId="288"/>
            <ac:picMk id="8" creationId="{1FBCA517-D640-4EC3-A348-2AA890D54EB0}"/>
          </ac:picMkLst>
        </pc:picChg>
      </pc:sldChg>
      <pc:sldChg chg="addSp delSp modSp mod modNotesTx">
        <pc:chgData name="Jacob Schellman" userId="18a3f18a-dac4-4eb0-b3aa-bf692ea1c570" providerId="ADAL" clId="{FAF3F413-B203-4B84-9C72-FC6542AFE52C}" dt="2021-11-09T04:52:53.395" v="6074" actId="20577"/>
        <pc:sldMkLst>
          <pc:docMk/>
          <pc:sldMk cId="430956393" sldId="952"/>
        </pc:sldMkLst>
        <pc:cxnChg chg="del mod">
          <ac:chgData name="Jacob Schellman" userId="18a3f18a-dac4-4eb0-b3aa-bf692ea1c570" providerId="ADAL" clId="{FAF3F413-B203-4B84-9C72-FC6542AFE52C}" dt="2021-11-09T03:33:21.946" v="38" actId="478"/>
          <ac:cxnSpMkLst>
            <pc:docMk/>
            <pc:sldMk cId="430956393" sldId="952"/>
            <ac:cxnSpMk id="218" creationId="{6218FCC2-F420-4F34-804F-4C79B66F6B3A}"/>
          </ac:cxnSpMkLst>
        </pc:cxnChg>
        <pc:cxnChg chg="add mod">
          <ac:chgData name="Jacob Schellman" userId="18a3f18a-dac4-4eb0-b3aa-bf692ea1c570" providerId="ADAL" clId="{FAF3F413-B203-4B84-9C72-FC6542AFE52C}" dt="2021-11-09T03:33:49.261" v="45" actId="14100"/>
          <ac:cxnSpMkLst>
            <pc:docMk/>
            <pc:sldMk cId="430956393" sldId="952"/>
            <ac:cxnSpMk id="225" creationId="{180BE06E-5A12-434D-B902-63093AFFD813}"/>
          </ac:cxnSpMkLst>
        </pc:cxnChg>
        <pc:cxnChg chg="mod">
          <ac:chgData name="Jacob Schellman" userId="18a3f18a-dac4-4eb0-b3aa-bf692ea1c570" providerId="ADAL" clId="{FAF3F413-B203-4B84-9C72-FC6542AFE52C}" dt="2021-11-09T03:33:55.331" v="46" actId="14100"/>
          <ac:cxnSpMkLst>
            <pc:docMk/>
            <pc:sldMk cId="430956393" sldId="952"/>
            <ac:cxnSpMk id="285" creationId="{DD513F20-8399-4679-8963-F3FD760919E4}"/>
          </ac:cxnSpMkLst>
        </pc:cxnChg>
      </pc:sldChg>
      <pc:sldChg chg="addSp delSp modSp new del mod">
        <pc:chgData name="Jacob Schellman" userId="18a3f18a-dac4-4eb0-b3aa-bf692ea1c570" providerId="ADAL" clId="{FAF3F413-B203-4B84-9C72-FC6542AFE52C}" dt="2021-11-09T03:17:43.344" v="29" actId="47"/>
        <pc:sldMkLst>
          <pc:docMk/>
          <pc:sldMk cId="3388211807" sldId="955"/>
        </pc:sldMkLst>
        <pc:picChg chg="add del mod">
          <ac:chgData name="Jacob Schellman" userId="18a3f18a-dac4-4eb0-b3aa-bf692ea1c570" providerId="ADAL" clId="{FAF3F413-B203-4B84-9C72-FC6542AFE52C}" dt="2021-11-09T03:17:41.103" v="28" actId="478"/>
          <ac:picMkLst>
            <pc:docMk/>
            <pc:sldMk cId="3388211807" sldId="955"/>
            <ac:picMk id="4" creationId="{6CAFE645-4969-44CC-A66E-CD7B16E2F966}"/>
          </ac:picMkLst>
        </pc:picChg>
      </pc:sldChg>
      <pc:sldChg chg="del">
        <pc:chgData name="Jacob Schellman" userId="18a3f18a-dac4-4eb0-b3aa-bf692ea1c570" providerId="ADAL" clId="{FAF3F413-B203-4B84-9C72-FC6542AFE52C}" dt="2021-11-09T03:07:41.753" v="3" actId="47"/>
        <pc:sldMkLst>
          <pc:docMk/>
          <pc:sldMk cId="3488662503" sldId="955"/>
        </pc:sldMkLst>
      </pc:sldChg>
    </pc:docChg>
  </pc:docChgLst>
  <pc:docChgLst>
    <pc:chgData name="Gavin McGahey" userId="b06b179e-e56f-4c6b-a61e-283bd20d1274" providerId="ADAL" clId="{A6E5CE91-F8E3-40EA-835E-B4828F87FD63}"/>
    <pc:docChg chg="undo custSel modSld">
      <pc:chgData name="Gavin McGahey" userId="b06b179e-e56f-4c6b-a61e-283bd20d1274" providerId="ADAL" clId="{A6E5CE91-F8E3-40EA-835E-B4828F87FD63}" dt="2021-11-08T19:07:38.322" v="23" actId="478"/>
      <pc:docMkLst>
        <pc:docMk/>
      </pc:docMkLst>
      <pc:sldChg chg="addSp delSp modSp mod">
        <pc:chgData name="Gavin McGahey" userId="b06b179e-e56f-4c6b-a61e-283bd20d1274" providerId="ADAL" clId="{A6E5CE91-F8E3-40EA-835E-B4828F87FD63}" dt="2021-11-08T19:07:38.322" v="23" actId="478"/>
        <pc:sldMkLst>
          <pc:docMk/>
          <pc:sldMk cId="2510107116" sldId="266"/>
        </pc:sldMkLst>
        <pc:spChg chg="del">
          <ac:chgData name="Gavin McGahey" userId="b06b179e-e56f-4c6b-a61e-283bd20d1274" providerId="ADAL" clId="{A6E5CE91-F8E3-40EA-835E-B4828F87FD63}" dt="2021-11-08T19:06:43.230" v="14" actId="478"/>
          <ac:spMkLst>
            <pc:docMk/>
            <pc:sldMk cId="2510107116" sldId="266"/>
            <ac:spMk id="13" creationId="{9570B9E0-EB24-4508-900F-63700DE1F2A4}"/>
          </ac:spMkLst>
        </pc:spChg>
        <pc:picChg chg="add del mod modCrop">
          <ac:chgData name="Gavin McGahey" userId="b06b179e-e56f-4c6b-a61e-283bd20d1274" providerId="ADAL" clId="{A6E5CE91-F8E3-40EA-835E-B4828F87FD63}" dt="2021-11-08T19:07:38.322" v="23" actId="478"/>
          <ac:picMkLst>
            <pc:docMk/>
            <pc:sldMk cId="2510107116" sldId="266"/>
            <ac:picMk id="5" creationId="{BB6397DE-4D25-4464-A80C-A3E772C9A6B4}"/>
          </ac:picMkLst>
        </pc:picChg>
        <pc:picChg chg="add del mod">
          <ac:chgData name="Gavin McGahey" userId="b06b179e-e56f-4c6b-a61e-283bd20d1274" providerId="ADAL" clId="{A6E5CE91-F8E3-40EA-835E-B4828F87FD63}" dt="2021-11-08T19:06:24.779" v="10" actId="478"/>
          <ac:picMkLst>
            <pc:docMk/>
            <pc:sldMk cId="2510107116" sldId="266"/>
            <ac:picMk id="7" creationId="{0F1C810E-0E8E-4D63-8C20-A9E15024F020}"/>
          </ac:picMkLst>
        </pc:picChg>
        <pc:picChg chg="add mod">
          <ac:chgData name="Gavin McGahey" userId="b06b179e-e56f-4c6b-a61e-283bd20d1274" providerId="ADAL" clId="{A6E5CE91-F8E3-40EA-835E-B4828F87FD63}" dt="2021-11-08T19:07:35.161" v="22" actId="1076"/>
          <ac:picMkLst>
            <pc:docMk/>
            <pc:sldMk cId="2510107116" sldId="266"/>
            <ac:picMk id="9" creationId="{45BAC49A-C5E6-47BF-9890-EAA72811B70E}"/>
          </ac:picMkLst>
        </pc:picChg>
      </pc:sldChg>
    </pc:docChg>
  </pc:docChgLst>
</pc:chgInfo>
</file>

<file path=ppt/comments/comment1.xml><?xml version="1.0" encoding="utf-8"?>
<p:cmLst xmlns:a="http://schemas.openxmlformats.org/drawingml/2006/main" xmlns:r="http://schemas.openxmlformats.org/officeDocument/2006/relationships" xmlns:p="http://schemas.openxmlformats.org/presentationml/2006/main">
  <p:cm authorId="1" dt="2021-11-08T09:06:28.901" idx="5">
    <p:pos x="10" y="10"/>
    <p:text>might want a whole slide dedicated to requirements and KPPs</p:text>
    <p:extLst>
      <p:ext uri="{C676402C-5697-4E1C-873F-D02D1690AC5C}">
        <p15:threadingInfo xmlns:p15="http://schemas.microsoft.com/office/powerpoint/2012/main" timeZoneBias="30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1" dt="2021-11-08T09:31:09.185" idx="6">
    <p:pos x="10" y="10"/>
    <p:text>tied back to specific operational/functional requirements</p:text>
    <p:extLst>
      <p:ext uri="{C676402C-5697-4E1C-873F-D02D1690AC5C}">
        <p15:threadingInfo xmlns:p15="http://schemas.microsoft.com/office/powerpoint/2012/main" timeZoneBias="300"/>
      </p:ext>
    </p:extLst>
  </p:cm>
</p:cmLst>
</file>

<file path=ppt/comments/comment3.xml><?xml version="1.0" encoding="utf-8"?>
<p:cmLst xmlns:a="http://schemas.openxmlformats.org/drawingml/2006/main" xmlns:r="http://schemas.openxmlformats.org/officeDocument/2006/relationships" xmlns:p="http://schemas.openxmlformats.org/presentationml/2006/main">
  <p:cm authorId="1" dt="2021-11-08T09:31:47.372" idx="7">
    <p:pos x="10" y="10"/>
    <p:text>tied back to specific operational/functional requirements</p:text>
    <p:extLst>
      <p:ext uri="{C676402C-5697-4E1C-873F-D02D1690AC5C}">
        <p15:threadingInfo xmlns:p15="http://schemas.microsoft.com/office/powerpoint/2012/main" timeZoneBias="300"/>
      </p:ext>
    </p:extLst>
  </p:cm>
</p:cmLst>
</file>

<file path=ppt/comments/comment4.xml><?xml version="1.0" encoding="utf-8"?>
<p:cmLst xmlns:a="http://schemas.openxmlformats.org/drawingml/2006/main" xmlns:r="http://schemas.openxmlformats.org/officeDocument/2006/relationships" xmlns:p="http://schemas.openxmlformats.org/presentationml/2006/main">
  <p:cm authorId="1" dt="2021-11-08T09:31:55.956" idx="9">
    <p:pos x="10" y="10"/>
    <p:text>tied back to specific operational/functional requirements</p:text>
    <p:extLst>
      <p:ext uri="{C676402C-5697-4E1C-873F-D02D1690AC5C}">
        <p15:threadingInfo xmlns:p15="http://schemas.microsoft.com/office/powerpoint/2012/main" timeZoneBias="300"/>
      </p:ext>
    </p:extLst>
  </p:cm>
</p:cmLst>
</file>

<file path=ppt/diagrams/_rels/data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svg"/><Relationship Id="rId1" Type="http://schemas.openxmlformats.org/officeDocument/2006/relationships/image" Target="../media/image6.png"/><Relationship Id="rId6" Type="http://schemas.openxmlformats.org/officeDocument/2006/relationships/image" Target="../media/image11.svg"/><Relationship Id="rId5" Type="http://schemas.openxmlformats.org/officeDocument/2006/relationships/image" Target="../media/image10.png"/><Relationship Id="rId4" Type="http://schemas.openxmlformats.org/officeDocument/2006/relationships/image" Target="../media/image9.svg"/></Relationships>
</file>

<file path=ppt/diagrams/_rels/data2.xml.rels><?xml version="1.0" encoding="UTF-8" standalone="yes"?>
<Relationships xmlns="http://schemas.openxmlformats.org/package/2006/relationships"><Relationship Id="rId8" Type="http://schemas.openxmlformats.org/officeDocument/2006/relationships/image" Target="../media/image25.svg"/><Relationship Id="rId3" Type="http://schemas.openxmlformats.org/officeDocument/2006/relationships/image" Target="../media/image20.png"/><Relationship Id="rId7" Type="http://schemas.openxmlformats.org/officeDocument/2006/relationships/image" Target="../media/image24.png"/><Relationship Id="rId2" Type="http://schemas.openxmlformats.org/officeDocument/2006/relationships/image" Target="../media/image19.svg"/><Relationship Id="rId1" Type="http://schemas.openxmlformats.org/officeDocument/2006/relationships/image" Target="../media/image18.png"/><Relationship Id="rId6" Type="http://schemas.openxmlformats.org/officeDocument/2006/relationships/image" Target="../media/image23.svg"/><Relationship Id="rId5" Type="http://schemas.openxmlformats.org/officeDocument/2006/relationships/image" Target="../media/image22.png"/><Relationship Id="rId10" Type="http://schemas.openxmlformats.org/officeDocument/2006/relationships/image" Target="../media/image27.svg"/><Relationship Id="rId4" Type="http://schemas.openxmlformats.org/officeDocument/2006/relationships/image" Target="../media/image21.svg"/><Relationship Id="rId9" Type="http://schemas.openxmlformats.org/officeDocument/2006/relationships/image" Target="../media/image26.png"/></Relationships>
</file>

<file path=ppt/diagrams/_rels/drawing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svg"/><Relationship Id="rId1" Type="http://schemas.openxmlformats.org/officeDocument/2006/relationships/image" Target="../media/image6.png"/><Relationship Id="rId6" Type="http://schemas.openxmlformats.org/officeDocument/2006/relationships/image" Target="../media/image11.svg"/><Relationship Id="rId5" Type="http://schemas.openxmlformats.org/officeDocument/2006/relationships/image" Target="../media/image10.png"/><Relationship Id="rId4" Type="http://schemas.openxmlformats.org/officeDocument/2006/relationships/image" Target="../media/image9.svg"/></Relationships>
</file>

<file path=ppt/diagrams/_rels/drawing2.xml.rels><?xml version="1.0" encoding="UTF-8" standalone="yes"?>
<Relationships xmlns="http://schemas.openxmlformats.org/package/2006/relationships"><Relationship Id="rId8" Type="http://schemas.openxmlformats.org/officeDocument/2006/relationships/image" Target="../media/image25.svg"/><Relationship Id="rId3" Type="http://schemas.openxmlformats.org/officeDocument/2006/relationships/image" Target="../media/image20.png"/><Relationship Id="rId7" Type="http://schemas.openxmlformats.org/officeDocument/2006/relationships/image" Target="../media/image24.png"/><Relationship Id="rId2" Type="http://schemas.openxmlformats.org/officeDocument/2006/relationships/image" Target="../media/image19.svg"/><Relationship Id="rId1" Type="http://schemas.openxmlformats.org/officeDocument/2006/relationships/image" Target="../media/image18.png"/><Relationship Id="rId6" Type="http://schemas.openxmlformats.org/officeDocument/2006/relationships/image" Target="../media/image23.svg"/><Relationship Id="rId5" Type="http://schemas.openxmlformats.org/officeDocument/2006/relationships/image" Target="../media/image22.png"/><Relationship Id="rId10" Type="http://schemas.openxmlformats.org/officeDocument/2006/relationships/image" Target="../media/image27.svg"/><Relationship Id="rId4" Type="http://schemas.openxmlformats.org/officeDocument/2006/relationships/image" Target="../media/image21.svg"/><Relationship Id="rId9" Type="http://schemas.openxmlformats.org/officeDocument/2006/relationships/image" Target="../media/image26.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65C964C-F1A6-4F84-A2F9-43837D8C00A6}" type="doc">
      <dgm:prSet loTypeId="urn:microsoft.com/office/officeart/2018/5/layout/CenteredIconLabelDescriptionList" loCatId="icon" qsTypeId="urn:microsoft.com/office/officeart/2005/8/quickstyle/simple1" qsCatId="simple" csTypeId="urn:microsoft.com/office/officeart/2005/8/colors/accent1_2" csCatId="accent1" phldr="1"/>
      <dgm:spPr/>
      <dgm:t>
        <a:bodyPr/>
        <a:lstStyle/>
        <a:p>
          <a:endParaRPr lang="en-US"/>
        </a:p>
      </dgm:t>
    </dgm:pt>
    <dgm:pt modelId="{F2040C2A-E19D-4864-910B-B7F8C3589A6A}">
      <dgm:prSet/>
      <dgm:spPr/>
      <dgm:t>
        <a:bodyPr/>
        <a:lstStyle/>
        <a:p>
          <a:pPr>
            <a:lnSpc>
              <a:spcPct val="100000"/>
            </a:lnSpc>
            <a:defRPr b="1"/>
          </a:pPr>
          <a:r>
            <a:rPr lang="en-US">
              <a:solidFill>
                <a:schemeClr val="tx2"/>
              </a:solidFill>
              <a:latin typeface="Palatino Linotype" panose="02040502050505030304" pitchFamily="18" charset="0"/>
            </a:rPr>
            <a:t>Leading Advisors:</a:t>
          </a:r>
        </a:p>
      </dgm:t>
    </dgm:pt>
    <dgm:pt modelId="{6CD9A093-2175-4D67-BDE3-E83D8AAF8C48}" type="parTrans" cxnId="{81A6E38D-8824-44EE-8868-5385697C3BC8}">
      <dgm:prSet/>
      <dgm:spPr/>
      <dgm:t>
        <a:bodyPr/>
        <a:lstStyle/>
        <a:p>
          <a:endParaRPr lang="en-US">
            <a:solidFill>
              <a:schemeClr val="tx2"/>
            </a:solidFill>
            <a:latin typeface="Palatino Linotype" panose="02040502050505030304" pitchFamily="18" charset="0"/>
          </a:endParaRPr>
        </a:p>
      </dgm:t>
    </dgm:pt>
    <dgm:pt modelId="{F6405C38-3D11-4EC4-BEBD-830BEB6CA05D}" type="sibTrans" cxnId="{81A6E38D-8824-44EE-8868-5385697C3BC8}">
      <dgm:prSet/>
      <dgm:spPr/>
      <dgm:t>
        <a:bodyPr/>
        <a:lstStyle/>
        <a:p>
          <a:endParaRPr lang="en-US">
            <a:solidFill>
              <a:schemeClr val="tx2"/>
            </a:solidFill>
            <a:latin typeface="Palatino Linotype" panose="02040502050505030304" pitchFamily="18" charset="0"/>
          </a:endParaRPr>
        </a:p>
      </dgm:t>
    </dgm:pt>
    <dgm:pt modelId="{FA34502E-EC09-43B1-8CD0-68CDD627B94D}">
      <dgm:prSet/>
      <dgm:spPr/>
      <dgm:t>
        <a:bodyPr/>
        <a:lstStyle/>
        <a:p>
          <a:pPr>
            <a:lnSpc>
              <a:spcPct val="100000"/>
            </a:lnSpc>
          </a:pPr>
          <a:r>
            <a:rPr lang="en-US">
              <a:solidFill>
                <a:schemeClr val="tx2"/>
              </a:solidFill>
              <a:latin typeface="Palatino Linotype" panose="02040502050505030304" pitchFamily="18" charset="0"/>
            </a:rPr>
            <a:t>Professor Hartnett and LT Blanco</a:t>
          </a:r>
        </a:p>
      </dgm:t>
    </dgm:pt>
    <dgm:pt modelId="{879369E4-7178-4D8C-98D6-CF2DED794DC2}" type="parTrans" cxnId="{4C823DA9-315D-4F75-92FE-FD071E8AF22B}">
      <dgm:prSet/>
      <dgm:spPr/>
      <dgm:t>
        <a:bodyPr/>
        <a:lstStyle/>
        <a:p>
          <a:endParaRPr lang="en-US">
            <a:solidFill>
              <a:schemeClr val="tx2"/>
            </a:solidFill>
            <a:latin typeface="Palatino Linotype" panose="02040502050505030304" pitchFamily="18" charset="0"/>
          </a:endParaRPr>
        </a:p>
      </dgm:t>
    </dgm:pt>
    <dgm:pt modelId="{9C9FF82D-9964-4936-9234-D515F85D3699}" type="sibTrans" cxnId="{4C823DA9-315D-4F75-92FE-FD071E8AF22B}">
      <dgm:prSet/>
      <dgm:spPr/>
      <dgm:t>
        <a:bodyPr/>
        <a:lstStyle/>
        <a:p>
          <a:endParaRPr lang="en-US">
            <a:solidFill>
              <a:schemeClr val="tx2"/>
            </a:solidFill>
            <a:latin typeface="Palatino Linotype" panose="02040502050505030304" pitchFamily="18" charset="0"/>
          </a:endParaRPr>
        </a:p>
      </dgm:t>
    </dgm:pt>
    <dgm:pt modelId="{188EF44D-7B98-40E5-98F4-A9445BBDE1B9}">
      <dgm:prSet/>
      <dgm:spPr/>
      <dgm:t>
        <a:bodyPr/>
        <a:lstStyle/>
        <a:p>
          <a:pPr>
            <a:lnSpc>
              <a:spcPct val="100000"/>
            </a:lnSpc>
            <a:defRPr b="1"/>
          </a:pPr>
          <a:r>
            <a:rPr lang="en-US">
              <a:solidFill>
                <a:schemeClr val="tx2"/>
              </a:solidFill>
              <a:latin typeface="Palatino Linotype" panose="02040502050505030304" pitchFamily="18" charset="0"/>
            </a:rPr>
            <a:t>Additional Support:</a:t>
          </a:r>
        </a:p>
      </dgm:t>
    </dgm:pt>
    <dgm:pt modelId="{65FA60DF-1D25-407F-A4E6-3550DF4090E7}" type="parTrans" cxnId="{3DD9EFCF-6699-47E0-95DA-70B6700A213D}">
      <dgm:prSet/>
      <dgm:spPr/>
      <dgm:t>
        <a:bodyPr/>
        <a:lstStyle/>
        <a:p>
          <a:endParaRPr lang="en-US">
            <a:solidFill>
              <a:schemeClr val="tx2"/>
            </a:solidFill>
            <a:latin typeface="Palatino Linotype" panose="02040502050505030304" pitchFamily="18" charset="0"/>
          </a:endParaRPr>
        </a:p>
      </dgm:t>
    </dgm:pt>
    <dgm:pt modelId="{DFEC699C-884A-4C68-8D62-ABC733CEF0B9}" type="sibTrans" cxnId="{3DD9EFCF-6699-47E0-95DA-70B6700A213D}">
      <dgm:prSet/>
      <dgm:spPr/>
      <dgm:t>
        <a:bodyPr/>
        <a:lstStyle/>
        <a:p>
          <a:endParaRPr lang="en-US">
            <a:solidFill>
              <a:schemeClr val="tx2"/>
            </a:solidFill>
            <a:latin typeface="Palatino Linotype" panose="02040502050505030304" pitchFamily="18" charset="0"/>
          </a:endParaRPr>
        </a:p>
      </dgm:t>
    </dgm:pt>
    <dgm:pt modelId="{3B1FFB11-D7E8-460F-A120-4C73CBD9BEA7}">
      <dgm:prSet/>
      <dgm:spPr/>
      <dgm:t>
        <a:bodyPr/>
        <a:lstStyle/>
        <a:p>
          <a:pPr>
            <a:lnSpc>
              <a:spcPct val="100000"/>
            </a:lnSpc>
          </a:pPr>
          <a:r>
            <a:rPr lang="en-US">
              <a:solidFill>
                <a:schemeClr val="tx2"/>
              </a:solidFill>
              <a:latin typeface="Palatino Linotype" panose="02040502050505030304" pitchFamily="18" charset="0"/>
            </a:rPr>
            <a:t>Professor Swaszek and LCDR Veara</a:t>
          </a:r>
        </a:p>
      </dgm:t>
    </dgm:pt>
    <dgm:pt modelId="{3B43C837-AB69-4017-ABA1-BFDB7AF5381C}" type="parTrans" cxnId="{3B7F2ADA-6FA1-418F-A826-7231BB185E8D}">
      <dgm:prSet/>
      <dgm:spPr/>
      <dgm:t>
        <a:bodyPr/>
        <a:lstStyle/>
        <a:p>
          <a:endParaRPr lang="en-US">
            <a:solidFill>
              <a:schemeClr val="tx2"/>
            </a:solidFill>
            <a:latin typeface="Palatino Linotype" panose="02040502050505030304" pitchFamily="18" charset="0"/>
          </a:endParaRPr>
        </a:p>
      </dgm:t>
    </dgm:pt>
    <dgm:pt modelId="{F4AAA05C-107D-4E05-8112-3E776F02E4BE}" type="sibTrans" cxnId="{3B7F2ADA-6FA1-418F-A826-7231BB185E8D}">
      <dgm:prSet/>
      <dgm:spPr/>
      <dgm:t>
        <a:bodyPr/>
        <a:lstStyle/>
        <a:p>
          <a:endParaRPr lang="en-US">
            <a:solidFill>
              <a:schemeClr val="tx2"/>
            </a:solidFill>
            <a:latin typeface="Palatino Linotype" panose="02040502050505030304" pitchFamily="18" charset="0"/>
          </a:endParaRPr>
        </a:p>
      </dgm:t>
    </dgm:pt>
    <dgm:pt modelId="{B63B325D-412E-445E-882B-EA828702A724}">
      <dgm:prSet/>
      <dgm:spPr/>
      <dgm:t>
        <a:bodyPr/>
        <a:lstStyle/>
        <a:p>
          <a:pPr>
            <a:lnSpc>
              <a:spcPct val="100000"/>
            </a:lnSpc>
            <a:defRPr b="1"/>
          </a:pPr>
          <a:r>
            <a:rPr lang="en-US">
              <a:solidFill>
                <a:schemeClr val="tx2"/>
              </a:solidFill>
              <a:latin typeface="Palatino Linotype" panose="02040502050505030304" pitchFamily="18" charset="0"/>
            </a:rPr>
            <a:t>Interested Groups:</a:t>
          </a:r>
        </a:p>
      </dgm:t>
    </dgm:pt>
    <dgm:pt modelId="{F2329E67-E8D4-4259-8E5B-BA06880D9C8D}" type="parTrans" cxnId="{523B4CAD-1614-4600-90E4-6DBD87C1CE9A}">
      <dgm:prSet/>
      <dgm:spPr/>
      <dgm:t>
        <a:bodyPr/>
        <a:lstStyle/>
        <a:p>
          <a:endParaRPr lang="en-US">
            <a:solidFill>
              <a:schemeClr val="tx2"/>
            </a:solidFill>
            <a:latin typeface="Palatino Linotype" panose="02040502050505030304" pitchFamily="18" charset="0"/>
          </a:endParaRPr>
        </a:p>
      </dgm:t>
    </dgm:pt>
    <dgm:pt modelId="{955BCC70-9012-43D2-8F51-A1D65FB255E9}" type="sibTrans" cxnId="{523B4CAD-1614-4600-90E4-6DBD87C1CE9A}">
      <dgm:prSet/>
      <dgm:spPr/>
      <dgm:t>
        <a:bodyPr/>
        <a:lstStyle/>
        <a:p>
          <a:endParaRPr lang="en-US">
            <a:solidFill>
              <a:schemeClr val="tx2"/>
            </a:solidFill>
            <a:latin typeface="Palatino Linotype" panose="02040502050505030304" pitchFamily="18" charset="0"/>
          </a:endParaRPr>
        </a:p>
      </dgm:t>
    </dgm:pt>
    <dgm:pt modelId="{FB2AFC49-A830-4B41-814E-882D881057E5}">
      <dgm:prSet/>
      <dgm:spPr/>
      <dgm:t>
        <a:bodyPr/>
        <a:lstStyle/>
        <a:p>
          <a:pPr>
            <a:lnSpc>
              <a:spcPct val="100000"/>
            </a:lnSpc>
          </a:pPr>
          <a:r>
            <a:rPr lang="en-US">
              <a:solidFill>
                <a:schemeClr val="tx2"/>
              </a:solidFill>
              <a:latin typeface="Palatino Linotype" panose="02040502050505030304" pitchFamily="18" charset="0"/>
            </a:rPr>
            <a:t>CG Research Development Center and CG UAS Program</a:t>
          </a:r>
        </a:p>
      </dgm:t>
    </dgm:pt>
    <dgm:pt modelId="{ED6A66A7-306D-47FA-9E8C-99875B6FBCE5}" type="parTrans" cxnId="{8858E37E-06B1-41B4-9FBF-23E23220E74D}">
      <dgm:prSet/>
      <dgm:spPr/>
      <dgm:t>
        <a:bodyPr/>
        <a:lstStyle/>
        <a:p>
          <a:endParaRPr lang="en-US">
            <a:solidFill>
              <a:schemeClr val="tx2"/>
            </a:solidFill>
            <a:latin typeface="Palatino Linotype" panose="02040502050505030304" pitchFamily="18" charset="0"/>
          </a:endParaRPr>
        </a:p>
      </dgm:t>
    </dgm:pt>
    <dgm:pt modelId="{E7E2C49C-AA40-4B01-828D-0C4974234F29}" type="sibTrans" cxnId="{8858E37E-06B1-41B4-9FBF-23E23220E74D}">
      <dgm:prSet/>
      <dgm:spPr/>
      <dgm:t>
        <a:bodyPr/>
        <a:lstStyle/>
        <a:p>
          <a:endParaRPr lang="en-US">
            <a:solidFill>
              <a:schemeClr val="tx2"/>
            </a:solidFill>
            <a:latin typeface="Palatino Linotype" panose="02040502050505030304" pitchFamily="18" charset="0"/>
          </a:endParaRPr>
        </a:p>
      </dgm:t>
    </dgm:pt>
    <dgm:pt modelId="{C8BAFAC7-591C-4F5A-B8AF-2CB42FCFE61B}" type="pres">
      <dgm:prSet presAssocID="{765C964C-F1A6-4F84-A2F9-43837D8C00A6}" presName="root" presStyleCnt="0">
        <dgm:presLayoutVars>
          <dgm:dir/>
          <dgm:resizeHandles val="exact"/>
        </dgm:presLayoutVars>
      </dgm:prSet>
      <dgm:spPr/>
    </dgm:pt>
    <dgm:pt modelId="{48397CA6-AD37-4A72-BB38-A56300524040}" type="pres">
      <dgm:prSet presAssocID="{F2040C2A-E19D-4864-910B-B7F8C3589A6A}" presName="compNode" presStyleCnt="0"/>
      <dgm:spPr/>
    </dgm:pt>
    <dgm:pt modelId="{FA3E7DE0-594A-4BCF-83C8-92FAA440EEFE}" type="pres">
      <dgm:prSet presAssocID="{F2040C2A-E19D-4864-910B-B7F8C3589A6A}" presName="iconRect" presStyleLbl="node1" presStyleIdx="0" presStyleCnt="3"/>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dgm:spPr>
      <dgm:extLst>
        <a:ext uri="{E40237B7-FDA0-4F09-8148-C483321AD2D9}">
          <dgm14:cNvPr xmlns:dgm14="http://schemas.microsoft.com/office/drawing/2010/diagram" id="0" name="" descr="Lecturer"/>
        </a:ext>
      </dgm:extLst>
    </dgm:pt>
    <dgm:pt modelId="{ACE2E497-A98C-4204-A27A-AC6ED0D5C16D}" type="pres">
      <dgm:prSet presAssocID="{F2040C2A-E19D-4864-910B-B7F8C3589A6A}" presName="iconSpace" presStyleCnt="0"/>
      <dgm:spPr/>
    </dgm:pt>
    <dgm:pt modelId="{3C5CB603-02B0-45F4-8BDE-C06D741D24E7}" type="pres">
      <dgm:prSet presAssocID="{F2040C2A-E19D-4864-910B-B7F8C3589A6A}" presName="parTx" presStyleLbl="revTx" presStyleIdx="0" presStyleCnt="6">
        <dgm:presLayoutVars>
          <dgm:chMax val="0"/>
          <dgm:chPref val="0"/>
        </dgm:presLayoutVars>
      </dgm:prSet>
      <dgm:spPr/>
    </dgm:pt>
    <dgm:pt modelId="{6D69213C-16B0-4C82-9D6A-86F8140337F7}" type="pres">
      <dgm:prSet presAssocID="{F2040C2A-E19D-4864-910B-B7F8C3589A6A}" presName="txSpace" presStyleCnt="0"/>
      <dgm:spPr/>
    </dgm:pt>
    <dgm:pt modelId="{670DE411-1747-4AEF-AD59-3549549BFEC2}" type="pres">
      <dgm:prSet presAssocID="{F2040C2A-E19D-4864-910B-B7F8C3589A6A}" presName="desTx" presStyleLbl="revTx" presStyleIdx="1" presStyleCnt="6">
        <dgm:presLayoutVars/>
      </dgm:prSet>
      <dgm:spPr/>
    </dgm:pt>
    <dgm:pt modelId="{A075E900-90D4-4582-9088-86B458940B66}" type="pres">
      <dgm:prSet presAssocID="{F6405C38-3D11-4EC4-BEBD-830BEB6CA05D}" presName="sibTrans" presStyleCnt="0"/>
      <dgm:spPr/>
    </dgm:pt>
    <dgm:pt modelId="{0C757229-5812-40ED-9966-8E5D287A0DAF}" type="pres">
      <dgm:prSet presAssocID="{188EF44D-7B98-40E5-98F4-A9445BBDE1B9}" presName="compNode" presStyleCnt="0"/>
      <dgm:spPr/>
    </dgm:pt>
    <dgm:pt modelId="{8E040B63-01FF-4341-B7E7-E047621B35F7}" type="pres">
      <dgm:prSet presAssocID="{188EF44D-7B98-40E5-98F4-A9445BBDE1B9}" presName="iconRect" presStyleLbl="node1" presStyleIdx="1" presStyleCnt="3"/>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dgm:spPr>
      <dgm:extLst>
        <a:ext uri="{E40237B7-FDA0-4F09-8148-C483321AD2D9}">
          <dgm14:cNvPr xmlns:dgm14="http://schemas.microsoft.com/office/drawing/2010/diagram" id="0" name="" descr="Customer Review"/>
        </a:ext>
      </dgm:extLst>
    </dgm:pt>
    <dgm:pt modelId="{E1A1C880-DF26-4122-80C6-1F5B697C931B}" type="pres">
      <dgm:prSet presAssocID="{188EF44D-7B98-40E5-98F4-A9445BBDE1B9}" presName="iconSpace" presStyleCnt="0"/>
      <dgm:spPr/>
    </dgm:pt>
    <dgm:pt modelId="{6541CB25-8118-4B66-951D-A1FB6FB22149}" type="pres">
      <dgm:prSet presAssocID="{188EF44D-7B98-40E5-98F4-A9445BBDE1B9}" presName="parTx" presStyleLbl="revTx" presStyleIdx="2" presStyleCnt="6">
        <dgm:presLayoutVars>
          <dgm:chMax val="0"/>
          <dgm:chPref val="0"/>
        </dgm:presLayoutVars>
      </dgm:prSet>
      <dgm:spPr/>
    </dgm:pt>
    <dgm:pt modelId="{279D0128-18C2-495A-92F1-F84244FD53E4}" type="pres">
      <dgm:prSet presAssocID="{188EF44D-7B98-40E5-98F4-A9445BBDE1B9}" presName="txSpace" presStyleCnt="0"/>
      <dgm:spPr/>
    </dgm:pt>
    <dgm:pt modelId="{B974F77C-27C8-42A2-998A-4C5EDB32696F}" type="pres">
      <dgm:prSet presAssocID="{188EF44D-7B98-40E5-98F4-A9445BBDE1B9}" presName="desTx" presStyleLbl="revTx" presStyleIdx="3" presStyleCnt="6">
        <dgm:presLayoutVars/>
      </dgm:prSet>
      <dgm:spPr/>
    </dgm:pt>
    <dgm:pt modelId="{BD3711AC-51BC-499E-91F3-BC3F72752E5B}" type="pres">
      <dgm:prSet presAssocID="{DFEC699C-884A-4C68-8D62-ABC733CEF0B9}" presName="sibTrans" presStyleCnt="0"/>
      <dgm:spPr/>
    </dgm:pt>
    <dgm:pt modelId="{30704EA1-28FE-455B-A3E6-1001803EF08A}" type="pres">
      <dgm:prSet presAssocID="{B63B325D-412E-445E-882B-EA828702A724}" presName="compNode" presStyleCnt="0"/>
      <dgm:spPr/>
    </dgm:pt>
    <dgm:pt modelId="{3387C336-D516-4F3E-B81C-C156A612892D}" type="pres">
      <dgm:prSet presAssocID="{B63B325D-412E-445E-882B-EA828702A724}" presName="iconRect" presStyleLbl="node1" presStyleIdx="2" presStyleCnt="3"/>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dgm:spPr>
      <dgm:extLst>
        <a:ext uri="{E40237B7-FDA0-4F09-8148-C483321AD2D9}">
          <dgm14:cNvPr xmlns:dgm14="http://schemas.microsoft.com/office/drawing/2010/diagram" id="0" name="" descr="Hierarchy"/>
        </a:ext>
      </dgm:extLst>
    </dgm:pt>
    <dgm:pt modelId="{3070F2AC-17DC-4351-8443-F4ECC00BF407}" type="pres">
      <dgm:prSet presAssocID="{B63B325D-412E-445E-882B-EA828702A724}" presName="iconSpace" presStyleCnt="0"/>
      <dgm:spPr/>
    </dgm:pt>
    <dgm:pt modelId="{480DDEA1-5524-4604-9872-3FD607B6B186}" type="pres">
      <dgm:prSet presAssocID="{B63B325D-412E-445E-882B-EA828702A724}" presName="parTx" presStyleLbl="revTx" presStyleIdx="4" presStyleCnt="6">
        <dgm:presLayoutVars>
          <dgm:chMax val="0"/>
          <dgm:chPref val="0"/>
        </dgm:presLayoutVars>
      </dgm:prSet>
      <dgm:spPr/>
    </dgm:pt>
    <dgm:pt modelId="{A184E5D5-D7FA-488B-9494-5A47A12C314A}" type="pres">
      <dgm:prSet presAssocID="{B63B325D-412E-445E-882B-EA828702A724}" presName="txSpace" presStyleCnt="0"/>
      <dgm:spPr/>
    </dgm:pt>
    <dgm:pt modelId="{A6649CFB-9052-442F-9C29-2F6BD735ED9A}" type="pres">
      <dgm:prSet presAssocID="{B63B325D-412E-445E-882B-EA828702A724}" presName="desTx" presStyleLbl="revTx" presStyleIdx="5" presStyleCnt="6">
        <dgm:presLayoutVars/>
      </dgm:prSet>
      <dgm:spPr/>
    </dgm:pt>
  </dgm:ptLst>
  <dgm:cxnLst>
    <dgm:cxn modelId="{D7495813-C82A-4E1B-9132-7F45061C0715}" type="presOf" srcId="{188EF44D-7B98-40E5-98F4-A9445BBDE1B9}" destId="{6541CB25-8118-4B66-951D-A1FB6FB22149}" srcOrd="0" destOrd="0" presId="urn:microsoft.com/office/officeart/2018/5/layout/CenteredIconLabelDescriptionList"/>
    <dgm:cxn modelId="{25FA3224-73BE-4723-83E9-CFF78EAD708F}" type="presOf" srcId="{765C964C-F1A6-4F84-A2F9-43837D8C00A6}" destId="{C8BAFAC7-591C-4F5A-B8AF-2CB42FCFE61B}" srcOrd="0" destOrd="0" presId="urn:microsoft.com/office/officeart/2018/5/layout/CenteredIconLabelDescriptionList"/>
    <dgm:cxn modelId="{0498BB65-2D89-4E5C-962D-046EF316D2D8}" type="presOf" srcId="{3B1FFB11-D7E8-460F-A120-4C73CBD9BEA7}" destId="{B974F77C-27C8-42A2-998A-4C5EDB32696F}" srcOrd="0" destOrd="0" presId="urn:microsoft.com/office/officeart/2018/5/layout/CenteredIconLabelDescriptionList"/>
    <dgm:cxn modelId="{7CD6A954-740D-49F3-8342-94A56B14EE25}" type="presOf" srcId="{F2040C2A-E19D-4864-910B-B7F8C3589A6A}" destId="{3C5CB603-02B0-45F4-8BDE-C06D741D24E7}" srcOrd="0" destOrd="0" presId="urn:microsoft.com/office/officeart/2018/5/layout/CenteredIconLabelDescriptionList"/>
    <dgm:cxn modelId="{8858E37E-06B1-41B4-9FBF-23E23220E74D}" srcId="{B63B325D-412E-445E-882B-EA828702A724}" destId="{FB2AFC49-A830-4B41-814E-882D881057E5}" srcOrd="0" destOrd="0" parTransId="{ED6A66A7-306D-47FA-9E8C-99875B6FBCE5}" sibTransId="{E7E2C49C-AA40-4B01-828D-0C4974234F29}"/>
    <dgm:cxn modelId="{81A6E38D-8824-44EE-8868-5385697C3BC8}" srcId="{765C964C-F1A6-4F84-A2F9-43837D8C00A6}" destId="{F2040C2A-E19D-4864-910B-B7F8C3589A6A}" srcOrd="0" destOrd="0" parTransId="{6CD9A093-2175-4D67-BDE3-E83D8AAF8C48}" sibTransId="{F6405C38-3D11-4EC4-BEBD-830BEB6CA05D}"/>
    <dgm:cxn modelId="{E1A141A3-5D2B-47D0-975B-50453EC8BFA2}" type="presOf" srcId="{B63B325D-412E-445E-882B-EA828702A724}" destId="{480DDEA1-5524-4604-9872-3FD607B6B186}" srcOrd="0" destOrd="0" presId="urn:microsoft.com/office/officeart/2018/5/layout/CenteredIconLabelDescriptionList"/>
    <dgm:cxn modelId="{4C823DA9-315D-4F75-92FE-FD071E8AF22B}" srcId="{F2040C2A-E19D-4864-910B-B7F8C3589A6A}" destId="{FA34502E-EC09-43B1-8CD0-68CDD627B94D}" srcOrd="0" destOrd="0" parTransId="{879369E4-7178-4D8C-98D6-CF2DED794DC2}" sibTransId="{9C9FF82D-9964-4936-9234-D515F85D3699}"/>
    <dgm:cxn modelId="{523B4CAD-1614-4600-90E4-6DBD87C1CE9A}" srcId="{765C964C-F1A6-4F84-A2F9-43837D8C00A6}" destId="{B63B325D-412E-445E-882B-EA828702A724}" srcOrd="2" destOrd="0" parTransId="{F2329E67-E8D4-4259-8E5B-BA06880D9C8D}" sibTransId="{955BCC70-9012-43D2-8F51-A1D65FB255E9}"/>
    <dgm:cxn modelId="{3DD9EFCF-6699-47E0-95DA-70B6700A213D}" srcId="{765C964C-F1A6-4F84-A2F9-43837D8C00A6}" destId="{188EF44D-7B98-40E5-98F4-A9445BBDE1B9}" srcOrd="1" destOrd="0" parTransId="{65FA60DF-1D25-407F-A4E6-3550DF4090E7}" sibTransId="{DFEC699C-884A-4C68-8D62-ABC733CEF0B9}"/>
    <dgm:cxn modelId="{D5C2D9D9-34DF-4EC3-B797-152BD0B17D0B}" type="presOf" srcId="{FB2AFC49-A830-4B41-814E-882D881057E5}" destId="{A6649CFB-9052-442F-9C29-2F6BD735ED9A}" srcOrd="0" destOrd="0" presId="urn:microsoft.com/office/officeart/2018/5/layout/CenteredIconLabelDescriptionList"/>
    <dgm:cxn modelId="{3B7F2ADA-6FA1-418F-A826-7231BB185E8D}" srcId="{188EF44D-7B98-40E5-98F4-A9445BBDE1B9}" destId="{3B1FFB11-D7E8-460F-A120-4C73CBD9BEA7}" srcOrd="0" destOrd="0" parTransId="{3B43C837-AB69-4017-ABA1-BFDB7AF5381C}" sibTransId="{F4AAA05C-107D-4E05-8112-3E776F02E4BE}"/>
    <dgm:cxn modelId="{3C612BF1-A837-4BBD-BA16-02DF464D9FE0}" type="presOf" srcId="{FA34502E-EC09-43B1-8CD0-68CDD627B94D}" destId="{670DE411-1747-4AEF-AD59-3549549BFEC2}" srcOrd="0" destOrd="0" presId="urn:microsoft.com/office/officeart/2018/5/layout/CenteredIconLabelDescriptionList"/>
    <dgm:cxn modelId="{94A054A3-1B1A-4337-B42B-C8D5F4592A1A}" type="presParOf" srcId="{C8BAFAC7-591C-4F5A-B8AF-2CB42FCFE61B}" destId="{48397CA6-AD37-4A72-BB38-A56300524040}" srcOrd="0" destOrd="0" presId="urn:microsoft.com/office/officeart/2018/5/layout/CenteredIconLabelDescriptionList"/>
    <dgm:cxn modelId="{E2471C08-04AA-4D07-8747-BEEFBA9044AB}" type="presParOf" srcId="{48397CA6-AD37-4A72-BB38-A56300524040}" destId="{FA3E7DE0-594A-4BCF-83C8-92FAA440EEFE}" srcOrd="0" destOrd="0" presId="urn:microsoft.com/office/officeart/2018/5/layout/CenteredIconLabelDescriptionList"/>
    <dgm:cxn modelId="{526692AA-8C90-4AE7-A239-5C94E200295C}" type="presParOf" srcId="{48397CA6-AD37-4A72-BB38-A56300524040}" destId="{ACE2E497-A98C-4204-A27A-AC6ED0D5C16D}" srcOrd="1" destOrd="0" presId="urn:microsoft.com/office/officeart/2018/5/layout/CenteredIconLabelDescriptionList"/>
    <dgm:cxn modelId="{EC3C9A02-2421-4F68-9096-72A620E4D73D}" type="presParOf" srcId="{48397CA6-AD37-4A72-BB38-A56300524040}" destId="{3C5CB603-02B0-45F4-8BDE-C06D741D24E7}" srcOrd="2" destOrd="0" presId="urn:microsoft.com/office/officeart/2018/5/layout/CenteredIconLabelDescriptionList"/>
    <dgm:cxn modelId="{789C2A34-3EF3-4A69-96F0-D423522E906E}" type="presParOf" srcId="{48397CA6-AD37-4A72-BB38-A56300524040}" destId="{6D69213C-16B0-4C82-9D6A-86F8140337F7}" srcOrd="3" destOrd="0" presId="urn:microsoft.com/office/officeart/2018/5/layout/CenteredIconLabelDescriptionList"/>
    <dgm:cxn modelId="{55BF73A6-8A1B-4E88-804F-8FFD55D5FC39}" type="presParOf" srcId="{48397CA6-AD37-4A72-BB38-A56300524040}" destId="{670DE411-1747-4AEF-AD59-3549549BFEC2}" srcOrd="4" destOrd="0" presId="urn:microsoft.com/office/officeart/2018/5/layout/CenteredIconLabelDescriptionList"/>
    <dgm:cxn modelId="{C0708BBD-E85F-4882-A906-1FB66918979E}" type="presParOf" srcId="{C8BAFAC7-591C-4F5A-B8AF-2CB42FCFE61B}" destId="{A075E900-90D4-4582-9088-86B458940B66}" srcOrd="1" destOrd="0" presId="urn:microsoft.com/office/officeart/2018/5/layout/CenteredIconLabelDescriptionList"/>
    <dgm:cxn modelId="{16E67D09-F001-423A-95F9-B2171E80C75A}" type="presParOf" srcId="{C8BAFAC7-591C-4F5A-B8AF-2CB42FCFE61B}" destId="{0C757229-5812-40ED-9966-8E5D287A0DAF}" srcOrd="2" destOrd="0" presId="urn:microsoft.com/office/officeart/2018/5/layout/CenteredIconLabelDescriptionList"/>
    <dgm:cxn modelId="{23A902DA-6261-4867-956D-41DBAB251057}" type="presParOf" srcId="{0C757229-5812-40ED-9966-8E5D287A0DAF}" destId="{8E040B63-01FF-4341-B7E7-E047621B35F7}" srcOrd="0" destOrd="0" presId="urn:microsoft.com/office/officeart/2018/5/layout/CenteredIconLabelDescriptionList"/>
    <dgm:cxn modelId="{9127D35E-4284-41C3-8E9C-5BFFFF28CFE2}" type="presParOf" srcId="{0C757229-5812-40ED-9966-8E5D287A0DAF}" destId="{E1A1C880-DF26-4122-80C6-1F5B697C931B}" srcOrd="1" destOrd="0" presId="urn:microsoft.com/office/officeart/2018/5/layout/CenteredIconLabelDescriptionList"/>
    <dgm:cxn modelId="{5BEE4BF1-F51F-45CB-A8EF-95165506E3B3}" type="presParOf" srcId="{0C757229-5812-40ED-9966-8E5D287A0DAF}" destId="{6541CB25-8118-4B66-951D-A1FB6FB22149}" srcOrd="2" destOrd="0" presId="urn:microsoft.com/office/officeart/2018/5/layout/CenteredIconLabelDescriptionList"/>
    <dgm:cxn modelId="{33A01B37-CE2F-4EA9-89EE-4C396F42C174}" type="presParOf" srcId="{0C757229-5812-40ED-9966-8E5D287A0DAF}" destId="{279D0128-18C2-495A-92F1-F84244FD53E4}" srcOrd="3" destOrd="0" presId="urn:microsoft.com/office/officeart/2018/5/layout/CenteredIconLabelDescriptionList"/>
    <dgm:cxn modelId="{631ECD4F-1856-4995-B9F5-494B90652D00}" type="presParOf" srcId="{0C757229-5812-40ED-9966-8E5D287A0DAF}" destId="{B974F77C-27C8-42A2-998A-4C5EDB32696F}" srcOrd="4" destOrd="0" presId="urn:microsoft.com/office/officeart/2018/5/layout/CenteredIconLabelDescriptionList"/>
    <dgm:cxn modelId="{B3830F44-AB71-401A-A67E-5B431B4BB7E0}" type="presParOf" srcId="{C8BAFAC7-591C-4F5A-B8AF-2CB42FCFE61B}" destId="{BD3711AC-51BC-499E-91F3-BC3F72752E5B}" srcOrd="3" destOrd="0" presId="urn:microsoft.com/office/officeart/2018/5/layout/CenteredIconLabelDescriptionList"/>
    <dgm:cxn modelId="{C991A828-243D-4EFD-8D5A-967B864E3C23}" type="presParOf" srcId="{C8BAFAC7-591C-4F5A-B8AF-2CB42FCFE61B}" destId="{30704EA1-28FE-455B-A3E6-1001803EF08A}" srcOrd="4" destOrd="0" presId="urn:microsoft.com/office/officeart/2018/5/layout/CenteredIconLabelDescriptionList"/>
    <dgm:cxn modelId="{B8DC4136-B26A-4933-8ED4-821EAFBAD9C4}" type="presParOf" srcId="{30704EA1-28FE-455B-A3E6-1001803EF08A}" destId="{3387C336-D516-4F3E-B81C-C156A612892D}" srcOrd="0" destOrd="0" presId="urn:microsoft.com/office/officeart/2018/5/layout/CenteredIconLabelDescriptionList"/>
    <dgm:cxn modelId="{815EAA77-8B12-4284-ABB9-F74EF33BF0CE}" type="presParOf" srcId="{30704EA1-28FE-455B-A3E6-1001803EF08A}" destId="{3070F2AC-17DC-4351-8443-F4ECC00BF407}" srcOrd="1" destOrd="0" presId="urn:microsoft.com/office/officeart/2018/5/layout/CenteredIconLabelDescriptionList"/>
    <dgm:cxn modelId="{65BF35E9-1B64-448C-889D-997AE3BD2EC4}" type="presParOf" srcId="{30704EA1-28FE-455B-A3E6-1001803EF08A}" destId="{480DDEA1-5524-4604-9872-3FD607B6B186}" srcOrd="2" destOrd="0" presId="urn:microsoft.com/office/officeart/2018/5/layout/CenteredIconLabelDescriptionList"/>
    <dgm:cxn modelId="{F124B66F-8FD0-4AD3-9216-68F561A13AAE}" type="presParOf" srcId="{30704EA1-28FE-455B-A3E6-1001803EF08A}" destId="{A184E5D5-D7FA-488B-9494-5A47A12C314A}" srcOrd="3" destOrd="0" presId="urn:microsoft.com/office/officeart/2018/5/layout/CenteredIconLabelDescriptionList"/>
    <dgm:cxn modelId="{80527348-E4C7-4888-A961-FEB04A7B092F}" type="presParOf" srcId="{30704EA1-28FE-455B-A3E6-1001803EF08A}" destId="{A6649CFB-9052-442F-9C29-2F6BD735ED9A}" srcOrd="4" destOrd="0" presId="urn:microsoft.com/office/officeart/2018/5/layout/CenteredIconLabelDescription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B09F4C5F-F059-4F74-9FDF-BFD77A99BD4D}" type="doc">
      <dgm:prSet loTypeId="urn:microsoft.com/office/officeart/2018/5/layout/CenteredIconLabelDescriptionList" loCatId="icon" qsTypeId="urn:microsoft.com/office/officeart/2005/8/quickstyle/simple1" qsCatId="simple" csTypeId="urn:microsoft.com/office/officeart/2005/8/colors/accent1_2" csCatId="accent1" phldr="1"/>
      <dgm:spPr/>
      <dgm:t>
        <a:bodyPr/>
        <a:lstStyle/>
        <a:p>
          <a:endParaRPr lang="en-US"/>
        </a:p>
      </dgm:t>
    </dgm:pt>
    <dgm:pt modelId="{FB6701A3-1F99-40A1-A4B9-5DE229B0A519}">
      <dgm:prSet/>
      <dgm:spPr/>
      <dgm:t>
        <a:bodyPr/>
        <a:lstStyle/>
        <a:p>
          <a:pPr>
            <a:lnSpc>
              <a:spcPct val="100000"/>
            </a:lnSpc>
            <a:defRPr b="1"/>
          </a:pPr>
          <a:r>
            <a:rPr lang="en-US"/>
            <a:t>Designing flight deck</a:t>
          </a:r>
        </a:p>
      </dgm:t>
    </dgm:pt>
    <dgm:pt modelId="{4B1A8C47-99B9-4BBF-8A2E-FC751FEC0BDD}" type="parTrans" cxnId="{94764E42-D14A-432D-A669-B0FC4F0B4CCC}">
      <dgm:prSet/>
      <dgm:spPr/>
      <dgm:t>
        <a:bodyPr/>
        <a:lstStyle/>
        <a:p>
          <a:endParaRPr lang="en-US"/>
        </a:p>
      </dgm:t>
    </dgm:pt>
    <dgm:pt modelId="{1B1E97E9-5DFC-49E9-A706-B49C0377A30F}" type="sibTrans" cxnId="{94764E42-D14A-432D-A669-B0FC4F0B4CCC}">
      <dgm:prSet/>
      <dgm:spPr/>
      <dgm:t>
        <a:bodyPr/>
        <a:lstStyle/>
        <a:p>
          <a:endParaRPr lang="en-US"/>
        </a:p>
      </dgm:t>
    </dgm:pt>
    <dgm:pt modelId="{3DF28BD8-14AA-4146-82C3-A67AC812AEBE}">
      <dgm:prSet/>
      <dgm:spPr/>
      <dgm:t>
        <a:bodyPr/>
        <a:lstStyle/>
        <a:p>
          <a:pPr>
            <a:lnSpc>
              <a:spcPct val="100000"/>
            </a:lnSpc>
            <a:defRPr b="1"/>
          </a:pPr>
          <a:r>
            <a:rPr lang="en-US"/>
            <a:t>Utilize image processing algorithm</a:t>
          </a:r>
        </a:p>
      </dgm:t>
    </dgm:pt>
    <dgm:pt modelId="{30A69259-EEE8-4AE6-8168-DA540369F91B}" type="parTrans" cxnId="{121FD08B-D545-40CE-8E5B-3EBADC191A7C}">
      <dgm:prSet/>
      <dgm:spPr/>
      <dgm:t>
        <a:bodyPr/>
        <a:lstStyle/>
        <a:p>
          <a:endParaRPr lang="en-US"/>
        </a:p>
      </dgm:t>
    </dgm:pt>
    <dgm:pt modelId="{EFB2C262-E211-47A3-83DB-A1DF2AB4ED9E}" type="sibTrans" cxnId="{121FD08B-D545-40CE-8E5B-3EBADC191A7C}">
      <dgm:prSet/>
      <dgm:spPr/>
      <dgm:t>
        <a:bodyPr/>
        <a:lstStyle/>
        <a:p>
          <a:endParaRPr lang="en-US"/>
        </a:p>
      </dgm:t>
    </dgm:pt>
    <dgm:pt modelId="{F2637595-5652-42E2-B73B-EBAA0A9A855B}">
      <dgm:prSet/>
      <dgm:spPr/>
      <dgm:t>
        <a:bodyPr/>
        <a:lstStyle/>
        <a:p>
          <a:pPr>
            <a:lnSpc>
              <a:spcPct val="100000"/>
            </a:lnSpc>
            <a:defRPr b="1"/>
          </a:pPr>
          <a:r>
            <a:rPr lang="en-US"/>
            <a:t>Communication to controller</a:t>
          </a:r>
        </a:p>
      </dgm:t>
    </dgm:pt>
    <dgm:pt modelId="{90212621-E485-45AF-B3B8-F576363E577F}" type="parTrans" cxnId="{DB54F26C-152B-465C-AE00-06187B0CDA99}">
      <dgm:prSet/>
      <dgm:spPr/>
      <dgm:t>
        <a:bodyPr/>
        <a:lstStyle/>
        <a:p>
          <a:endParaRPr lang="en-US"/>
        </a:p>
      </dgm:t>
    </dgm:pt>
    <dgm:pt modelId="{B37508FF-DBEC-4489-B1B4-04295B371BA8}" type="sibTrans" cxnId="{DB54F26C-152B-465C-AE00-06187B0CDA99}">
      <dgm:prSet/>
      <dgm:spPr/>
      <dgm:t>
        <a:bodyPr/>
        <a:lstStyle/>
        <a:p>
          <a:endParaRPr lang="en-US"/>
        </a:p>
      </dgm:t>
    </dgm:pt>
    <dgm:pt modelId="{F852404F-38A4-4D4B-8561-6C8E06E1A535}">
      <dgm:prSet/>
      <dgm:spPr/>
      <dgm:t>
        <a:bodyPr/>
        <a:lstStyle/>
        <a:p>
          <a:pPr>
            <a:lnSpc>
              <a:spcPct val="100000"/>
            </a:lnSpc>
            <a:defRPr b="1"/>
          </a:pPr>
          <a:r>
            <a:rPr lang="en-US"/>
            <a:t>Camera feed in Gazebo</a:t>
          </a:r>
        </a:p>
      </dgm:t>
    </dgm:pt>
    <dgm:pt modelId="{EA30F928-DA89-4336-889E-60DFC131934B}" type="parTrans" cxnId="{266269B2-1580-4B3D-A73F-2AD31EAF736B}">
      <dgm:prSet/>
      <dgm:spPr/>
      <dgm:t>
        <a:bodyPr/>
        <a:lstStyle/>
        <a:p>
          <a:endParaRPr lang="en-US"/>
        </a:p>
      </dgm:t>
    </dgm:pt>
    <dgm:pt modelId="{D3C94AAB-07DA-4DDB-BC62-BB18B2342A32}" type="sibTrans" cxnId="{266269B2-1580-4B3D-A73F-2AD31EAF736B}">
      <dgm:prSet/>
      <dgm:spPr/>
      <dgm:t>
        <a:bodyPr/>
        <a:lstStyle/>
        <a:p>
          <a:endParaRPr lang="en-US"/>
        </a:p>
      </dgm:t>
    </dgm:pt>
    <dgm:pt modelId="{69FBA965-EF57-4811-BD42-A4168807043A}">
      <dgm:prSet/>
      <dgm:spPr/>
      <dgm:t>
        <a:bodyPr/>
        <a:lstStyle/>
        <a:p>
          <a:pPr>
            <a:lnSpc>
              <a:spcPct val="100000"/>
            </a:lnSpc>
            <a:defRPr b="1"/>
          </a:pPr>
          <a:r>
            <a:rPr lang="en-US"/>
            <a:t>Raspberry Pi Setup</a:t>
          </a:r>
        </a:p>
      </dgm:t>
    </dgm:pt>
    <dgm:pt modelId="{4172A20C-A685-4EA7-B96E-2304CA90F6DC}" type="parTrans" cxnId="{D05B65E2-AFC3-4E9C-AFD1-3663E4B789A9}">
      <dgm:prSet/>
      <dgm:spPr/>
      <dgm:t>
        <a:bodyPr/>
        <a:lstStyle/>
        <a:p>
          <a:endParaRPr lang="en-US"/>
        </a:p>
      </dgm:t>
    </dgm:pt>
    <dgm:pt modelId="{B69CDD6F-1C9D-4225-AD70-6E8119782776}" type="sibTrans" cxnId="{D05B65E2-AFC3-4E9C-AFD1-3663E4B789A9}">
      <dgm:prSet/>
      <dgm:spPr/>
      <dgm:t>
        <a:bodyPr/>
        <a:lstStyle/>
        <a:p>
          <a:endParaRPr lang="en-US"/>
        </a:p>
      </dgm:t>
    </dgm:pt>
    <dgm:pt modelId="{CDF0BB6D-F736-469F-9675-0A811C5A58C0}">
      <dgm:prSet/>
      <dgm:spPr/>
      <dgm:t>
        <a:bodyPr/>
        <a:lstStyle/>
        <a:p>
          <a:pPr>
            <a:lnSpc>
              <a:spcPct val="100000"/>
            </a:lnSpc>
          </a:pPr>
          <a:r>
            <a:rPr lang="en-US"/>
            <a:t>Stream to QGroundControl</a:t>
          </a:r>
        </a:p>
      </dgm:t>
    </dgm:pt>
    <dgm:pt modelId="{4AF76AE9-A1A1-43AE-8FDD-5BB1A23AE38C}" type="parTrans" cxnId="{9C602D87-3FC1-4CB7-A160-D60B042448D8}">
      <dgm:prSet/>
      <dgm:spPr/>
      <dgm:t>
        <a:bodyPr/>
        <a:lstStyle/>
        <a:p>
          <a:endParaRPr lang="en-US"/>
        </a:p>
      </dgm:t>
    </dgm:pt>
    <dgm:pt modelId="{A560D72F-9710-48E7-9F2D-15173D15A7A9}" type="sibTrans" cxnId="{9C602D87-3FC1-4CB7-A160-D60B042448D8}">
      <dgm:prSet/>
      <dgm:spPr/>
      <dgm:t>
        <a:bodyPr/>
        <a:lstStyle/>
        <a:p>
          <a:endParaRPr lang="en-US"/>
        </a:p>
      </dgm:t>
    </dgm:pt>
    <dgm:pt modelId="{097DDF70-E06E-4A59-B091-4310C9E9FB51}">
      <dgm:prSet/>
      <dgm:spPr/>
      <dgm:t>
        <a:bodyPr/>
        <a:lstStyle/>
        <a:p>
          <a:pPr>
            <a:lnSpc>
              <a:spcPct val="100000"/>
            </a:lnSpc>
          </a:pPr>
          <a:r>
            <a:rPr lang="en-US"/>
            <a:t>OpenCV on Pi</a:t>
          </a:r>
        </a:p>
      </dgm:t>
    </dgm:pt>
    <dgm:pt modelId="{8B07DD7D-8469-413E-AEA9-178D3082693B}" type="parTrans" cxnId="{9EF182F4-06A5-4689-BFFF-45B176AB90DB}">
      <dgm:prSet/>
      <dgm:spPr/>
      <dgm:t>
        <a:bodyPr/>
        <a:lstStyle/>
        <a:p>
          <a:endParaRPr lang="en-US"/>
        </a:p>
      </dgm:t>
    </dgm:pt>
    <dgm:pt modelId="{778B9172-E914-4A33-8B22-9C93BC11FD97}" type="sibTrans" cxnId="{9EF182F4-06A5-4689-BFFF-45B176AB90DB}">
      <dgm:prSet/>
      <dgm:spPr/>
      <dgm:t>
        <a:bodyPr/>
        <a:lstStyle/>
        <a:p>
          <a:endParaRPr lang="en-US"/>
        </a:p>
      </dgm:t>
    </dgm:pt>
    <dgm:pt modelId="{8D9620F4-27CE-4FCF-A1A1-BB36FD1FA880}" type="pres">
      <dgm:prSet presAssocID="{B09F4C5F-F059-4F74-9FDF-BFD77A99BD4D}" presName="root" presStyleCnt="0">
        <dgm:presLayoutVars>
          <dgm:dir/>
          <dgm:resizeHandles val="exact"/>
        </dgm:presLayoutVars>
      </dgm:prSet>
      <dgm:spPr/>
    </dgm:pt>
    <dgm:pt modelId="{DF547C75-E807-49BE-B8C8-22E4CAC9864C}" type="pres">
      <dgm:prSet presAssocID="{FB6701A3-1F99-40A1-A4B9-5DE229B0A519}" presName="compNode" presStyleCnt="0"/>
      <dgm:spPr/>
    </dgm:pt>
    <dgm:pt modelId="{FD5E4CF6-38F1-4EBA-B9B5-4C24A6B4194B}" type="pres">
      <dgm:prSet presAssocID="{FB6701A3-1F99-40A1-A4B9-5DE229B0A519}" presName="iconRect" presStyleLbl="node1" presStyleIdx="0" presStyleCnt="5"/>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dgm:spPr>
      <dgm:extLst>
        <a:ext uri="{E40237B7-FDA0-4F09-8148-C483321AD2D9}">
          <dgm14:cNvPr xmlns:dgm14="http://schemas.microsoft.com/office/drawing/2010/diagram" id="0" name="" descr="Helicopter"/>
        </a:ext>
      </dgm:extLst>
    </dgm:pt>
    <dgm:pt modelId="{25471612-31E0-4860-9AAB-A76248AC0D5D}" type="pres">
      <dgm:prSet presAssocID="{FB6701A3-1F99-40A1-A4B9-5DE229B0A519}" presName="iconSpace" presStyleCnt="0"/>
      <dgm:spPr/>
    </dgm:pt>
    <dgm:pt modelId="{AD7F6EA4-CB67-4ADA-82EA-7B17D31BBE7C}" type="pres">
      <dgm:prSet presAssocID="{FB6701A3-1F99-40A1-A4B9-5DE229B0A519}" presName="parTx" presStyleLbl="revTx" presStyleIdx="0" presStyleCnt="10">
        <dgm:presLayoutVars>
          <dgm:chMax val="0"/>
          <dgm:chPref val="0"/>
        </dgm:presLayoutVars>
      </dgm:prSet>
      <dgm:spPr/>
    </dgm:pt>
    <dgm:pt modelId="{55BA2ACE-3927-42CE-8899-B8ECAFB5C222}" type="pres">
      <dgm:prSet presAssocID="{FB6701A3-1F99-40A1-A4B9-5DE229B0A519}" presName="txSpace" presStyleCnt="0"/>
      <dgm:spPr/>
    </dgm:pt>
    <dgm:pt modelId="{A8988C47-595F-46CC-AFA5-1B9325EB9258}" type="pres">
      <dgm:prSet presAssocID="{FB6701A3-1F99-40A1-A4B9-5DE229B0A519}" presName="desTx" presStyleLbl="revTx" presStyleIdx="1" presStyleCnt="10">
        <dgm:presLayoutVars/>
      </dgm:prSet>
      <dgm:spPr/>
    </dgm:pt>
    <dgm:pt modelId="{066B2F5A-4078-4A06-AB6D-F896798E3955}" type="pres">
      <dgm:prSet presAssocID="{1B1E97E9-5DFC-49E9-A706-B49C0377A30F}" presName="sibTrans" presStyleCnt="0"/>
      <dgm:spPr/>
    </dgm:pt>
    <dgm:pt modelId="{34D6A886-F96C-4D1D-AAD5-3E1488042A8E}" type="pres">
      <dgm:prSet presAssocID="{3DF28BD8-14AA-4146-82C3-A67AC812AEBE}" presName="compNode" presStyleCnt="0"/>
      <dgm:spPr/>
    </dgm:pt>
    <dgm:pt modelId="{33194245-0269-41EF-AFBA-7D251F82B976}" type="pres">
      <dgm:prSet presAssocID="{3DF28BD8-14AA-4146-82C3-A67AC812AEBE}" presName="iconRect" presStyleLbl="node1" presStyleIdx="1" presStyleCnt="5"/>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dgm:spPr>
      <dgm:extLst>
        <a:ext uri="{E40237B7-FDA0-4F09-8148-C483321AD2D9}">
          <dgm14:cNvPr xmlns:dgm14="http://schemas.microsoft.com/office/drawing/2010/diagram" id="0" name="" descr="Head with Gears"/>
        </a:ext>
      </dgm:extLst>
    </dgm:pt>
    <dgm:pt modelId="{B5B9AE91-3CCB-4C50-A414-DBDE0D4B67F5}" type="pres">
      <dgm:prSet presAssocID="{3DF28BD8-14AA-4146-82C3-A67AC812AEBE}" presName="iconSpace" presStyleCnt="0"/>
      <dgm:spPr/>
    </dgm:pt>
    <dgm:pt modelId="{15F093E5-6DC7-4E4A-B82E-25078BFAAB65}" type="pres">
      <dgm:prSet presAssocID="{3DF28BD8-14AA-4146-82C3-A67AC812AEBE}" presName="parTx" presStyleLbl="revTx" presStyleIdx="2" presStyleCnt="10">
        <dgm:presLayoutVars>
          <dgm:chMax val="0"/>
          <dgm:chPref val="0"/>
        </dgm:presLayoutVars>
      </dgm:prSet>
      <dgm:spPr/>
    </dgm:pt>
    <dgm:pt modelId="{E6267FEA-A50C-4671-9A8A-9916CC08C797}" type="pres">
      <dgm:prSet presAssocID="{3DF28BD8-14AA-4146-82C3-A67AC812AEBE}" presName="txSpace" presStyleCnt="0"/>
      <dgm:spPr/>
    </dgm:pt>
    <dgm:pt modelId="{8D1C5820-97CD-428A-AC57-0021CFA7221B}" type="pres">
      <dgm:prSet presAssocID="{3DF28BD8-14AA-4146-82C3-A67AC812AEBE}" presName="desTx" presStyleLbl="revTx" presStyleIdx="3" presStyleCnt="10">
        <dgm:presLayoutVars/>
      </dgm:prSet>
      <dgm:spPr/>
    </dgm:pt>
    <dgm:pt modelId="{9A3C6C05-9FB8-4391-A650-CD729AD958E8}" type="pres">
      <dgm:prSet presAssocID="{EFB2C262-E211-47A3-83DB-A1DF2AB4ED9E}" presName="sibTrans" presStyleCnt="0"/>
      <dgm:spPr/>
    </dgm:pt>
    <dgm:pt modelId="{4EB1D5F4-2DDE-4B17-A384-6194AC971CF0}" type="pres">
      <dgm:prSet presAssocID="{F2637595-5652-42E2-B73B-EBAA0A9A855B}" presName="compNode" presStyleCnt="0"/>
      <dgm:spPr/>
    </dgm:pt>
    <dgm:pt modelId="{D33A69CF-625C-4E0E-A875-BD10C6515E5B}" type="pres">
      <dgm:prSet presAssocID="{F2637595-5652-42E2-B73B-EBAA0A9A855B}" presName="iconRect" presStyleLbl="node1" presStyleIdx="2" presStyleCnt="5"/>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dgm:spPr>
      <dgm:extLst>
        <a:ext uri="{E40237B7-FDA0-4F09-8148-C483321AD2D9}">
          <dgm14:cNvPr xmlns:dgm14="http://schemas.microsoft.com/office/drawing/2010/diagram" id="0" name="" descr="Computer"/>
        </a:ext>
      </dgm:extLst>
    </dgm:pt>
    <dgm:pt modelId="{CC5C0B91-8CD6-4BA5-9987-4D3C1337226F}" type="pres">
      <dgm:prSet presAssocID="{F2637595-5652-42E2-B73B-EBAA0A9A855B}" presName="iconSpace" presStyleCnt="0"/>
      <dgm:spPr/>
    </dgm:pt>
    <dgm:pt modelId="{01A36727-D792-4D88-8AA3-428897FA41E6}" type="pres">
      <dgm:prSet presAssocID="{F2637595-5652-42E2-B73B-EBAA0A9A855B}" presName="parTx" presStyleLbl="revTx" presStyleIdx="4" presStyleCnt="10">
        <dgm:presLayoutVars>
          <dgm:chMax val="0"/>
          <dgm:chPref val="0"/>
        </dgm:presLayoutVars>
      </dgm:prSet>
      <dgm:spPr/>
    </dgm:pt>
    <dgm:pt modelId="{4F270B6F-0477-4394-BA0C-A5E7B33D7984}" type="pres">
      <dgm:prSet presAssocID="{F2637595-5652-42E2-B73B-EBAA0A9A855B}" presName="txSpace" presStyleCnt="0"/>
      <dgm:spPr/>
    </dgm:pt>
    <dgm:pt modelId="{E46601CD-1226-48EF-BB97-7327B1DB68AF}" type="pres">
      <dgm:prSet presAssocID="{F2637595-5652-42E2-B73B-EBAA0A9A855B}" presName="desTx" presStyleLbl="revTx" presStyleIdx="5" presStyleCnt="10">
        <dgm:presLayoutVars/>
      </dgm:prSet>
      <dgm:spPr/>
    </dgm:pt>
    <dgm:pt modelId="{FF6DF1E5-F100-49C7-8F9D-CB9573112840}" type="pres">
      <dgm:prSet presAssocID="{B37508FF-DBEC-4489-B1B4-04295B371BA8}" presName="sibTrans" presStyleCnt="0"/>
      <dgm:spPr/>
    </dgm:pt>
    <dgm:pt modelId="{F46FECD3-B0C5-4DDC-A8D4-14D6EC260BD7}" type="pres">
      <dgm:prSet presAssocID="{F852404F-38A4-4D4B-8561-6C8E06E1A535}" presName="compNode" presStyleCnt="0"/>
      <dgm:spPr/>
    </dgm:pt>
    <dgm:pt modelId="{D92FEDDB-0BB8-4D27-835A-29CDDD2D8CE8}" type="pres">
      <dgm:prSet presAssocID="{F852404F-38A4-4D4B-8561-6C8E06E1A535}" presName="iconRect" presStyleLbl="node1" presStyleIdx="3" presStyleCnt="5"/>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dgm:spPr>
      <dgm:extLst>
        <a:ext uri="{E40237B7-FDA0-4F09-8148-C483321AD2D9}">
          <dgm14:cNvPr xmlns:dgm14="http://schemas.microsoft.com/office/drawing/2010/diagram" id="0" name="" descr="Video camera"/>
        </a:ext>
      </dgm:extLst>
    </dgm:pt>
    <dgm:pt modelId="{3F15E834-AB7F-45BC-BEC9-21F3B7C8161F}" type="pres">
      <dgm:prSet presAssocID="{F852404F-38A4-4D4B-8561-6C8E06E1A535}" presName="iconSpace" presStyleCnt="0"/>
      <dgm:spPr/>
    </dgm:pt>
    <dgm:pt modelId="{CB1526E2-4CAE-4A08-9BF7-35EE4849FC2A}" type="pres">
      <dgm:prSet presAssocID="{F852404F-38A4-4D4B-8561-6C8E06E1A535}" presName="parTx" presStyleLbl="revTx" presStyleIdx="6" presStyleCnt="10">
        <dgm:presLayoutVars>
          <dgm:chMax val="0"/>
          <dgm:chPref val="0"/>
        </dgm:presLayoutVars>
      </dgm:prSet>
      <dgm:spPr/>
    </dgm:pt>
    <dgm:pt modelId="{F4F01571-C6AF-4080-BBB2-39C2B6DE3DBF}" type="pres">
      <dgm:prSet presAssocID="{F852404F-38A4-4D4B-8561-6C8E06E1A535}" presName="txSpace" presStyleCnt="0"/>
      <dgm:spPr/>
    </dgm:pt>
    <dgm:pt modelId="{451BB258-7F56-40E5-9822-C94B9C8F4844}" type="pres">
      <dgm:prSet presAssocID="{F852404F-38A4-4D4B-8561-6C8E06E1A535}" presName="desTx" presStyleLbl="revTx" presStyleIdx="7" presStyleCnt="10">
        <dgm:presLayoutVars/>
      </dgm:prSet>
      <dgm:spPr/>
    </dgm:pt>
    <dgm:pt modelId="{3EB8F5F9-7DA9-4D33-BC37-76EFCED7E58B}" type="pres">
      <dgm:prSet presAssocID="{D3C94AAB-07DA-4DDB-BC62-BB18B2342A32}" presName="sibTrans" presStyleCnt="0"/>
      <dgm:spPr/>
    </dgm:pt>
    <dgm:pt modelId="{D08D25A1-50D1-420B-926D-D3489631FBBF}" type="pres">
      <dgm:prSet presAssocID="{69FBA965-EF57-4811-BD42-A4168807043A}" presName="compNode" presStyleCnt="0"/>
      <dgm:spPr/>
    </dgm:pt>
    <dgm:pt modelId="{E91FC718-73BC-46BE-B2A5-F9963439D9D0}" type="pres">
      <dgm:prSet presAssocID="{69FBA965-EF57-4811-BD42-A4168807043A}" presName="iconRect" presStyleLbl="node1" presStyleIdx="4" presStyleCnt="5"/>
      <dgm:spPr>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a:blipFill>
      </dgm:spPr>
      <dgm:extLst>
        <a:ext uri="{E40237B7-FDA0-4F09-8148-C483321AD2D9}">
          <dgm14:cNvPr xmlns:dgm14="http://schemas.microsoft.com/office/drawing/2010/diagram" id="0" name="" descr="Processor"/>
        </a:ext>
      </dgm:extLst>
    </dgm:pt>
    <dgm:pt modelId="{1E37EEFC-DF53-462C-9CDE-7F54859BB98D}" type="pres">
      <dgm:prSet presAssocID="{69FBA965-EF57-4811-BD42-A4168807043A}" presName="iconSpace" presStyleCnt="0"/>
      <dgm:spPr/>
    </dgm:pt>
    <dgm:pt modelId="{50B868B4-9A72-476F-ACD6-9B609E7F62C4}" type="pres">
      <dgm:prSet presAssocID="{69FBA965-EF57-4811-BD42-A4168807043A}" presName="parTx" presStyleLbl="revTx" presStyleIdx="8" presStyleCnt="10">
        <dgm:presLayoutVars>
          <dgm:chMax val="0"/>
          <dgm:chPref val="0"/>
        </dgm:presLayoutVars>
      </dgm:prSet>
      <dgm:spPr/>
    </dgm:pt>
    <dgm:pt modelId="{EACEC2AA-5C09-4200-B011-E1CF0742F300}" type="pres">
      <dgm:prSet presAssocID="{69FBA965-EF57-4811-BD42-A4168807043A}" presName="txSpace" presStyleCnt="0"/>
      <dgm:spPr/>
    </dgm:pt>
    <dgm:pt modelId="{8F9038B8-3ED5-4891-80BE-7236AF599D0A}" type="pres">
      <dgm:prSet presAssocID="{69FBA965-EF57-4811-BD42-A4168807043A}" presName="desTx" presStyleLbl="revTx" presStyleIdx="9" presStyleCnt="10">
        <dgm:presLayoutVars/>
      </dgm:prSet>
      <dgm:spPr/>
    </dgm:pt>
  </dgm:ptLst>
  <dgm:cxnLst>
    <dgm:cxn modelId="{63827B0F-456F-4ED5-A1A7-CC09F3A6A729}" type="presOf" srcId="{F2637595-5652-42E2-B73B-EBAA0A9A855B}" destId="{01A36727-D792-4D88-8AA3-428897FA41E6}" srcOrd="0" destOrd="0" presId="urn:microsoft.com/office/officeart/2018/5/layout/CenteredIconLabelDescriptionList"/>
    <dgm:cxn modelId="{94764E42-D14A-432D-A669-B0FC4F0B4CCC}" srcId="{B09F4C5F-F059-4F74-9FDF-BFD77A99BD4D}" destId="{FB6701A3-1F99-40A1-A4B9-5DE229B0A519}" srcOrd="0" destOrd="0" parTransId="{4B1A8C47-99B9-4BBF-8A2E-FC751FEC0BDD}" sibTransId="{1B1E97E9-5DFC-49E9-A706-B49C0377A30F}"/>
    <dgm:cxn modelId="{DB54F26C-152B-465C-AE00-06187B0CDA99}" srcId="{B09F4C5F-F059-4F74-9FDF-BFD77A99BD4D}" destId="{F2637595-5652-42E2-B73B-EBAA0A9A855B}" srcOrd="2" destOrd="0" parTransId="{90212621-E485-45AF-B3B8-F576363E577F}" sibTransId="{B37508FF-DBEC-4489-B1B4-04295B371BA8}"/>
    <dgm:cxn modelId="{A195E54D-1E9A-4AD2-ACE0-B74B8CCEF0E5}" type="presOf" srcId="{FB6701A3-1F99-40A1-A4B9-5DE229B0A519}" destId="{AD7F6EA4-CB67-4ADA-82EA-7B17D31BBE7C}" srcOrd="0" destOrd="0" presId="urn:microsoft.com/office/officeart/2018/5/layout/CenteredIconLabelDescriptionList"/>
    <dgm:cxn modelId="{18AAFE59-89E7-4E83-82F6-8DEFBB0DFA7A}" type="presOf" srcId="{69FBA965-EF57-4811-BD42-A4168807043A}" destId="{50B868B4-9A72-476F-ACD6-9B609E7F62C4}" srcOrd="0" destOrd="0" presId="urn:microsoft.com/office/officeart/2018/5/layout/CenteredIconLabelDescriptionList"/>
    <dgm:cxn modelId="{9C602D87-3FC1-4CB7-A160-D60B042448D8}" srcId="{69FBA965-EF57-4811-BD42-A4168807043A}" destId="{CDF0BB6D-F736-469F-9675-0A811C5A58C0}" srcOrd="0" destOrd="0" parTransId="{4AF76AE9-A1A1-43AE-8FDD-5BB1A23AE38C}" sibTransId="{A560D72F-9710-48E7-9F2D-15173D15A7A9}"/>
    <dgm:cxn modelId="{121FD08B-D545-40CE-8E5B-3EBADC191A7C}" srcId="{B09F4C5F-F059-4F74-9FDF-BFD77A99BD4D}" destId="{3DF28BD8-14AA-4146-82C3-A67AC812AEBE}" srcOrd="1" destOrd="0" parTransId="{30A69259-EEE8-4AE6-8168-DA540369F91B}" sibTransId="{EFB2C262-E211-47A3-83DB-A1DF2AB4ED9E}"/>
    <dgm:cxn modelId="{B3994694-551F-4985-B8CC-186A6EB1B9CF}" type="presOf" srcId="{B09F4C5F-F059-4F74-9FDF-BFD77A99BD4D}" destId="{8D9620F4-27CE-4FCF-A1A1-BB36FD1FA880}" srcOrd="0" destOrd="0" presId="urn:microsoft.com/office/officeart/2018/5/layout/CenteredIconLabelDescriptionList"/>
    <dgm:cxn modelId="{0A166596-8037-494D-8021-A50A13856A9E}" type="presOf" srcId="{CDF0BB6D-F736-469F-9675-0A811C5A58C0}" destId="{8F9038B8-3ED5-4891-80BE-7236AF599D0A}" srcOrd="0" destOrd="0" presId="urn:microsoft.com/office/officeart/2018/5/layout/CenteredIconLabelDescriptionList"/>
    <dgm:cxn modelId="{266269B2-1580-4B3D-A73F-2AD31EAF736B}" srcId="{B09F4C5F-F059-4F74-9FDF-BFD77A99BD4D}" destId="{F852404F-38A4-4D4B-8561-6C8E06E1A535}" srcOrd="3" destOrd="0" parTransId="{EA30F928-DA89-4336-889E-60DFC131934B}" sibTransId="{D3C94AAB-07DA-4DDB-BC62-BB18B2342A32}"/>
    <dgm:cxn modelId="{83F9C7B2-646B-4806-BD2C-90C7012023A9}" type="presOf" srcId="{3DF28BD8-14AA-4146-82C3-A67AC812AEBE}" destId="{15F093E5-6DC7-4E4A-B82E-25078BFAAB65}" srcOrd="0" destOrd="0" presId="urn:microsoft.com/office/officeart/2018/5/layout/CenteredIconLabelDescriptionList"/>
    <dgm:cxn modelId="{CC82CBC2-0125-45ED-8332-B0B66635DD76}" type="presOf" srcId="{F852404F-38A4-4D4B-8561-6C8E06E1A535}" destId="{CB1526E2-4CAE-4A08-9BF7-35EE4849FC2A}" srcOrd="0" destOrd="0" presId="urn:microsoft.com/office/officeart/2018/5/layout/CenteredIconLabelDescriptionList"/>
    <dgm:cxn modelId="{FFFA98C8-A279-4285-9EA5-AED74BDADF4A}" type="presOf" srcId="{097DDF70-E06E-4A59-B091-4310C9E9FB51}" destId="{8F9038B8-3ED5-4891-80BE-7236AF599D0A}" srcOrd="0" destOrd="1" presId="urn:microsoft.com/office/officeart/2018/5/layout/CenteredIconLabelDescriptionList"/>
    <dgm:cxn modelId="{D05B65E2-AFC3-4E9C-AFD1-3663E4B789A9}" srcId="{B09F4C5F-F059-4F74-9FDF-BFD77A99BD4D}" destId="{69FBA965-EF57-4811-BD42-A4168807043A}" srcOrd="4" destOrd="0" parTransId="{4172A20C-A685-4EA7-B96E-2304CA90F6DC}" sibTransId="{B69CDD6F-1C9D-4225-AD70-6E8119782776}"/>
    <dgm:cxn modelId="{9EF182F4-06A5-4689-BFFF-45B176AB90DB}" srcId="{69FBA965-EF57-4811-BD42-A4168807043A}" destId="{097DDF70-E06E-4A59-B091-4310C9E9FB51}" srcOrd="1" destOrd="0" parTransId="{8B07DD7D-8469-413E-AEA9-178D3082693B}" sibTransId="{778B9172-E914-4A33-8B22-9C93BC11FD97}"/>
    <dgm:cxn modelId="{1BBCD094-09D2-456D-9FAA-657CFB1EB761}" type="presParOf" srcId="{8D9620F4-27CE-4FCF-A1A1-BB36FD1FA880}" destId="{DF547C75-E807-49BE-B8C8-22E4CAC9864C}" srcOrd="0" destOrd="0" presId="urn:microsoft.com/office/officeart/2018/5/layout/CenteredIconLabelDescriptionList"/>
    <dgm:cxn modelId="{6D4F6DBF-34E8-4D68-9329-A8DD3B1CA632}" type="presParOf" srcId="{DF547C75-E807-49BE-B8C8-22E4CAC9864C}" destId="{FD5E4CF6-38F1-4EBA-B9B5-4C24A6B4194B}" srcOrd="0" destOrd="0" presId="urn:microsoft.com/office/officeart/2018/5/layout/CenteredIconLabelDescriptionList"/>
    <dgm:cxn modelId="{BB9FAC13-2E49-4C24-A32B-F6DF38769B9B}" type="presParOf" srcId="{DF547C75-E807-49BE-B8C8-22E4CAC9864C}" destId="{25471612-31E0-4860-9AAB-A76248AC0D5D}" srcOrd="1" destOrd="0" presId="urn:microsoft.com/office/officeart/2018/5/layout/CenteredIconLabelDescriptionList"/>
    <dgm:cxn modelId="{A726F151-6801-485C-A3B6-4C32964D80CB}" type="presParOf" srcId="{DF547C75-E807-49BE-B8C8-22E4CAC9864C}" destId="{AD7F6EA4-CB67-4ADA-82EA-7B17D31BBE7C}" srcOrd="2" destOrd="0" presId="urn:microsoft.com/office/officeart/2018/5/layout/CenteredIconLabelDescriptionList"/>
    <dgm:cxn modelId="{6EC8732A-DCFE-4EF0-B133-C60038FD42B1}" type="presParOf" srcId="{DF547C75-E807-49BE-B8C8-22E4CAC9864C}" destId="{55BA2ACE-3927-42CE-8899-B8ECAFB5C222}" srcOrd="3" destOrd="0" presId="urn:microsoft.com/office/officeart/2018/5/layout/CenteredIconLabelDescriptionList"/>
    <dgm:cxn modelId="{A74082F0-6CCC-4368-AFE9-25CF9C7F92F3}" type="presParOf" srcId="{DF547C75-E807-49BE-B8C8-22E4CAC9864C}" destId="{A8988C47-595F-46CC-AFA5-1B9325EB9258}" srcOrd="4" destOrd="0" presId="urn:microsoft.com/office/officeart/2018/5/layout/CenteredIconLabelDescriptionList"/>
    <dgm:cxn modelId="{C9E9C664-70C3-4F27-A5B8-392BD918724B}" type="presParOf" srcId="{8D9620F4-27CE-4FCF-A1A1-BB36FD1FA880}" destId="{066B2F5A-4078-4A06-AB6D-F896798E3955}" srcOrd="1" destOrd="0" presId="urn:microsoft.com/office/officeart/2018/5/layout/CenteredIconLabelDescriptionList"/>
    <dgm:cxn modelId="{EE295A5D-F56D-4EA3-8024-D24311DDA3C5}" type="presParOf" srcId="{8D9620F4-27CE-4FCF-A1A1-BB36FD1FA880}" destId="{34D6A886-F96C-4D1D-AAD5-3E1488042A8E}" srcOrd="2" destOrd="0" presId="urn:microsoft.com/office/officeart/2018/5/layout/CenteredIconLabelDescriptionList"/>
    <dgm:cxn modelId="{6B4A8487-3A87-4BA9-9470-6458981EE3AD}" type="presParOf" srcId="{34D6A886-F96C-4D1D-AAD5-3E1488042A8E}" destId="{33194245-0269-41EF-AFBA-7D251F82B976}" srcOrd="0" destOrd="0" presId="urn:microsoft.com/office/officeart/2018/5/layout/CenteredIconLabelDescriptionList"/>
    <dgm:cxn modelId="{67E128EC-F801-4B4F-881E-26DEB9F291DE}" type="presParOf" srcId="{34D6A886-F96C-4D1D-AAD5-3E1488042A8E}" destId="{B5B9AE91-3CCB-4C50-A414-DBDE0D4B67F5}" srcOrd="1" destOrd="0" presId="urn:microsoft.com/office/officeart/2018/5/layout/CenteredIconLabelDescriptionList"/>
    <dgm:cxn modelId="{C6DB3D13-00B5-4A58-9C9C-7EA4371EAFCD}" type="presParOf" srcId="{34D6A886-F96C-4D1D-AAD5-3E1488042A8E}" destId="{15F093E5-6DC7-4E4A-B82E-25078BFAAB65}" srcOrd="2" destOrd="0" presId="urn:microsoft.com/office/officeart/2018/5/layout/CenteredIconLabelDescriptionList"/>
    <dgm:cxn modelId="{B4F72258-EF38-4C40-8C31-F4E5C83D396E}" type="presParOf" srcId="{34D6A886-F96C-4D1D-AAD5-3E1488042A8E}" destId="{E6267FEA-A50C-4671-9A8A-9916CC08C797}" srcOrd="3" destOrd="0" presId="urn:microsoft.com/office/officeart/2018/5/layout/CenteredIconLabelDescriptionList"/>
    <dgm:cxn modelId="{90455582-E44A-4234-8401-97B3B907F3B5}" type="presParOf" srcId="{34D6A886-F96C-4D1D-AAD5-3E1488042A8E}" destId="{8D1C5820-97CD-428A-AC57-0021CFA7221B}" srcOrd="4" destOrd="0" presId="urn:microsoft.com/office/officeart/2018/5/layout/CenteredIconLabelDescriptionList"/>
    <dgm:cxn modelId="{17153FDD-4E06-4EDE-90A7-EC1162524416}" type="presParOf" srcId="{8D9620F4-27CE-4FCF-A1A1-BB36FD1FA880}" destId="{9A3C6C05-9FB8-4391-A650-CD729AD958E8}" srcOrd="3" destOrd="0" presId="urn:microsoft.com/office/officeart/2018/5/layout/CenteredIconLabelDescriptionList"/>
    <dgm:cxn modelId="{4F264DF6-D71B-47D2-8F17-B3F23A2A8A41}" type="presParOf" srcId="{8D9620F4-27CE-4FCF-A1A1-BB36FD1FA880}" destId="{4EB1D5F4-2DDE-4B17-A384-6194AC971CF0}" srcOrd="4" destOrd="0" presId="urn:microsoft.com/office/officeart/2018/5/layout/CenteredIconLabelDescriptionList"/>
    <dgm:cxn modelId="{92D8A9B3-C5FC-4B1B-95A0-F75D0ECBABEF}" type="presParOf" srcId="{4EB1D5F4-2DDE-4B17-A384-6194AC971CF0}" destId="{D33A69CF-625C-4E0E-A875-BD10C6515E5B}" srcOrd="0" destOrd="0" presId="urn:microsoft.com/office/officeart/2018/5/layout/CenteredIconLabelDescriptionList"/>
    <dgm:cxn modelId="{C721B84A-8071-429F-8033-39C8F3E4D3A7}" type="presParOf" srcId="{4EB1D5F4-2DDE-4B17-A384-6194AC971CF0}" destId="{CC5C0B91-8CD6-4BA5-9987-4D3C1337226F}" srcOrd="1" destOrd="0" presId="urn:microsoft.com/office/officeart/2018/5/layout/CenteredIconLabelDescriptionList"/>
    <dgm:cxn modelId="{8052A8D3-B960-4359-B89E-F91AC30BBDF7}" type="presParOf" srcId="{4EB1D5F4-2DDE-4B17-A384-6194AC971CF0}" destId="{01A36727-D792-4D88-8AA3-428897FA41E6}" srcOrd="2" destOrd="0" presId="urn:microsoft.com/office/officeart/2018/5/layout/CenteredIconLabelDescriptionList"/>
    <dgm:cxn modelId="{0D0D50A8-5859-402E-9224-B067CE6299BC}" type="presParOf" srcId="{4EB1D5F4-2DDE-4B17-A384-6194AC971CF0}" destId="{4F270B6F-0477-4394-BA0C-A5E7B33D7984}" srcOrd="3" destOrd="0" presId="urn:microsoft.com/office/officeart/2018/5/layout/CenteredIconLabelDescriptionList"/>
    <dgm:cxn modelId="{9E2DDEB9-2795-4298-A649-B7DA8890ECB7}" type="presParOf" srcId="{4EB1D5F4-2DDE-4B17-A384-6194AC971CF0}" destId="{E46601CD-1226-48EF-BB97-7327B1DB68AF}" srcOrd="4" destOrd="0" presId="urn:microsoft.com/office/officeart/2018/5/layout/CenteredIconLabelDescriptionList"/>
    <dgm:cxn modelId="{D3717386-5B5C-460C-92D2-834025089946}" type="presParOf" srcId="{8D9620F4-27CE-4FCF-A1A1-BB36FD1FA880}" destId="{FF6DF1E5-F100-49C7-8F9D-CB9573112840}" srcOrd="5" destOrd="0" presId="urn:microsoft.com/office/officeart/2018/5/layout/CenteredIconLabelDescriptionList"/>
    <dgm:cxn modelId="{2DB8093C-0329-44F9-BE9A-9E542967EA40}" type="presParOf" srcId="{8D9620F4-27CE-4FCF-A1A1-BB36FD1FA880}" destId="{F46FECD3-B0C5-4DDC-A8D4-14D6EC260BD7}" srcOrd="6" destOrd="0" presId="urn:microsoft.com/office/officeart/2018/5/layout/CenteredIconLabelDescriptionList"/>
    <dgm:cxn modelId="{A27B3D76-02E4-4488-AA21-291A4549C9AD}" type="presParOf" srcId="{F46FECD3-B0C5-4DDC-A8D4-14D6EC260BD7}" destId="{D92FEDDB-0BB8-4D27-835A-29CDDD2D8CE8}" srcOrd="0" destOrd="0" presId="urn:microsoft.com/office/officeart/2018/5/layout/CenteredIconLabelDescriptionList"/>
    <dgm:cxn modelId="{69FAA71D-7D23-45D1-829F-BA77EF326893}" type="presParOf" srcId="{F46FECD3-B0C5-4DDC-A8D4-14D6EC260BD7}" destId="{3F15E834-AB7F-45BC-BEC9-21F3B7C8161F}" srcOrd="1" destOrd="0" presId="urn:microsoft.com/office/officeart/2018/5/layout/CenteredIconLabelDescriptionList"/>
    <dgm:cxn modelId="{3A09A657-E5B9-465E-A202-74C28F0177C9}" type="presParOf" srcId="{F46FECD3-B0C5-4DDC-A8D4-14D6EC260BD7}" destId="{CB1526E2-4CAE-4A08-9BF7-35EE4849FC2A}" srcOrd="2" destOrd="0" presId="urn:microsoft.com/office/officeart/2018/5/layout/CenteredIconLabelDescriptionList"/>
    <dgm:cxn modelId="{2D76D1C3-89C3-48E0-BE12-802626709DD9}" type="presParOf" srcId="{F46FECD3-B0C5-4DDC-A8D4-14D6EC260BD7}" destId="{F4F01571-C6AF-4080-BBB2-39C2B6DE3DBF}" srcOrd="3" destOrd="0" presId="urn:microsoft.com/office/officeart/2018/5/layout/CenteredIconLabelDescriptionList"/>
    <dgm:cxn modelId="{DD251EF5-FCF0-469F-AD38-F3DFCE1DDFC9}" type="presParOf" srcId="{F46FECD3-B0C5-4DDC-A8D4-14D6EC260BD7}" destId="{451BB258-7F56-40E5-9822-C94B9C8F4844}" srcOrd="4" destOrd="0" presId="urn:microsoft.com/office/officeart/2018/5/layout/CenteredIconLabelDescriptionList"/>
    <dgm:cxn modelId="{F8F17DF6-0E33-4ACB-9CA7-C5ED618DC15D}" type="presParOf" srcId="{8D9620F4-27CE-4FCF-A1A1-BB36FD1FA880}" destId="{3EB8F5F9-7DA9-4D33-BC37-76EFCED7E58B}" srcOrd="7" destOrd="0" presId="urn:microsoft.com/office/officeart/2018/5/layout/CenteredIconLabelDescriptionList"/>
    <dgm:cxn modelId="{5C31D525-FC8E-460E-8CF5-BF983D4B6A09}" type="presParOf" srcId="{8D9620F4-27CE-4FCF-A1A1-BB36FD1FA880}" destId="{D08D25A1-50D1-420B-926D-D3489631FBBF}" srcOrd="8" destOrd="0" presId="urn:microsoft.com/office/officeart/2018/5/layout/CenteredIconLabelDescriptionList"/>
    <dgm:cxn modelId="{F81EC224-374D-4421-808E-8D7FB5299CC7}" type="presParOf" srcId="{D08D25A1-50D1-420B-926D-D3489631FBBF}" destId="{E91FC718-73BC-46BE-B2A5-F9963439D9D0}" srcOrd="0" destOrd="0" presId="urn:microsoft.com/office/officeart/2018/5/layout/CenteredIconLabelDescriptionList"/>
    <dgm:cxn modelId="{EF7AF64D-DB25-4505-9A1B-0CFF06977004}" type="presParOf" srcId="{D08D25A1-50D1-420B-926D-D3489631FBBF}" destId="{1E37EEFC-DF53-462C-9CDE-7F54859BB98D}" srcOrd="1" destOrd="0" presId="urn:microsoft.com/office/officeart/2018/5/layout/CenteredIconLabelDescriptionList"/>
    <dgm:cxn modelId="{CC745B11-D325-46F0-9096-37F560FD5694}" type="presParOf" srcId="{D08D25A1-50D1-420B-926D-D3489631FBBF}" destId="{50B868B4-9A72-476F-ACD6-9B609E7F62C4}" srcOrd="2" destOrd="0" presId="urn:microsoft.com/office/officeart/2018/5/layout/CenteredIconLabelDescriptionList"/>
    <dgm:cxn modelId="{0967F9CE-E597-43B2-ABF2-271B538F9AFC}" type="presParOf" srcId="{D08D25A1-50D1-420B-926D-D3489631FBBF}" destId="{EACEC2AA-5C09-4200-B011-E1CF0742F300}" srcOrd="3" destOrd="0" presId="urn:microsoft.com/office/officeart/2018/5/layout/CenteredIconLabelDescriptionList"/>
    <dgm:cxn modelId="{9BDE471D-FDDD-49F1-8015-F7E64FC8006C}" type="presParOf" srcId="{D08D25A1-50D1-420B-926D-D3489631FBBF}" destId="{8F9038B8-3ED5-4891-80BE-7236AF599D0A}" srcOrd="4" destOrd="0" presId="urn:microsoft.com/office/officeart/2018/5/layout/CenteredIconLabelDescription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A3E7DE0-594A-4BCF-83C8-92FAA440EEFE}">
      <dsp:nvSpPr>
        <dsp:cNvPr id="0" name=""/>
        <dsp:cNvSpPr/>
      </dsp:nvSpPr>
      <dsp:spPr>
        <a:xfrm>
          <a:off x="1020487" y="1018782"/>
          <a:ext cx="1098562" cy="1098562"/>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C5CB603-02B0-45F4-8BDE-C06D741D24E7}">
      <dsp:nvSpPr>
        <dsp:cNvPr id="0" name=""/>
        <dsp:cNvSpPr/>
      </dsp:nvSpPr>
      <dsp:spPr>
        <a:xfrm>
          <a:off x="393" y="2216837"/>
          <a:ext cx="3138750" cy="4708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1155700">
            <a:lnSpc>
              <a:spcPct val="100000"/>
            </a:lnSpc>
            <a:spcBef>
              <a:spcPct val="0"/>
            </a:spcBef>
            <a:spcAft>
              <a:spcPct val="35000"/>
            </a:spcAft>
            <a:buNone/>
            <a:defRPr b="1"/>
          </a:pPr>
          <a:r>
            <a:rPr lang="en-US" sz="2600" kern="1200">
              <a:solidFill>
                <a:schemeClr val="tx2"/>
              </a:solidFill>
              <a:latin typeface="Palatino Linotype" panose="02040502050505030304" pitchFamily="18" charset="0"/>
            </a:rPr>
            <a:t>Leading Advisors:</a:t>
          </a:r>
        </a:p>
      </dsp:txBody>
      <dsp:txXfrm>
        <a:off x="393" y="2216837"/>
        <a:ext cx="3138750" cy="470812"/>
      </dsp:txXfrm>
    </dsp:sp>
    <dsp:sp modelId="{670DE411-1747-4AEF-AD59-3549549BFEC2}">
      <dsp:nvSpPr>
        <dsp:cNvPr id="0" name=""/>
        <dsp:cNvSpPr/>
      </dsp:nvSpPr>
      <dsp:spPr>
        <a:xfrm>
          <a:off x="393" y="2733925"/>
          <a:ext cx="3138750" cy="59863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755650">
            <a:lnSpc>
              <a:spcPct val="100000"/>
            </a:lnSpc>
            <a:spcBef>
              <a:spcPct val="0"/>
            </a:spcBef>
            <a:spcAft>
              <a:spcPct val="35000"/>
            </a:spcAft>
            <a:buNone/>
          </a:pPr>
          <a:r>
            <a:rPr lang="en-US" sz="1700" kern="1200">
              <a:solidFill>
                <a:schemeClr val="tx2"/>
              </a:solidFill>
              <a:latin typeface="Palatino Linotype" panose="02040502050505030304" pitchFamily="18" charset="0"/>
            </a:rPr>
            <a:t>Professor Hartnett and LT Blanco</a:t>
          </a:r>
        </a:p>
      </dsp:txBody>
      <dsp:txXfrm>
        <a:off x="393" y="2733925"/>
        <a:ext cx="3138750" cy="598630"/>
      </dsp:txXfrm>
    </dsp:sp>
    <dsp:sp modelId="{8E040B63-01FF-4341-B7E7-E047621B35F7}">
      <dsp:nvSpPr>
        <dsp:cNvPr id="0" name=""/>
        <dsp:cNvSpPr/>
      </dsp:nvSpPr>
      <dsp:spPr>
        <a:xfrm>
          <a:off x="4708518" y="1018782"/>
          <a:ext cx="1098562" cy="1098562"/>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541CB25-8118-4B66-951D-A1FB6FB22149}">
      <dsp:nvSpPr>
        <dsp:cNvPr id="0" name=""/>
        <dsp:cNvSpPr/>
      </dsp:nvSpPr>
      <dsp:spPr>
        <a:xfrm>
          <a:off x="3688425" y="2216837"/>
          <a:ext cx="3138750" cy="4708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1155700">
            <a:lnSpc>
              <a:spcPct val="100000"/>
            </a:lnSpc>
            <a:spcBef>
              <a:spcPct val="0"/>
            </a:spcBef>
            <a:spcAft>
              <a:spcPct val="35000"/>
            </a:spcAft>
            <a:buNone/>
            <a:defRPr b="1"/>
          </a:pPr>
          <a:r>
            <a:rPr lang="en-US" sz="2600" kern="1200">
              <a:solidFill>
                <a:schemeClr val="tx2"/>
              </a:solidFill>
              <a:latin typeface="Palatino Linotype" panose="02040502050505030304" pitchFamily="18" charset="0"/>
            </a:rPr>
            <a:t>Additional Support:</a:t>
          </a:r>
        </a:p>
      </dsp:txBody>
      <dsp:txXfrm>
        <a:off x="3688425" y="2216837"/>
        <a:ext cx="3138750" cy="470812"/>
      </dsp:txXfrm>
    </dsp:sp>
    <dsp:sp modelId="{B974F77C-27C8-42A2-998A-4C5EDB32696F}">
      <dsp:nvSpPr>
        <dsp:cNvPr id="0" name=""/>
        <dsp:cNvSpPr/>
      </dsp:nvSpPr>
      <dsp:spPr>
        <a:xfrm>
          <a:off x="3688425" y="2733925"/>
          <a:ext cx="3138750" cy="59863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755650">
            <a:lnSpc>
              <a:spcPct val="100000"/>
            </a:lnSpc>
            <a:spcBef>
              <a:spcPct val="0"/>
            </a:spcBef>
            <a:spcAft>
              <a:spcPct val="35000"/>
            </a:spcAft>
            <a:buNone/>
          </a:pPr>
          <a:r>
            <a:rPr lang="en-US" sz="1700" kern="1200">
              <a:solidFill>
                <a:schemeClr val="tx2"/>
              </a:solidFill>
              <a:latin typeface="Palatino Linotype" panose="02040502050505030304" pitchFamily="18" charset="0"/>
            </a:rPr>
            <a:t>Professor Swaszek and LCDR Veara</a:t>
          </a:r>
        </a:p>
      </dsp:txBody>
      <dsp:txXfrm>
        <a:off x="3688425" y="2733925"/>
        <a:ext cx="3138750" cy="598630"/>
      </dsp:txXfrm>
    </dsp:sp>
    <dsp:sp modelId="{3387C336-D516-4F3E-B81C-C156A612892D}">
      <dsp:nvSpPr>
        <dsp:cNvPr id="0" name=""/>
        <dsp:cNvSpPr/>
      </dsp:nvSpPr>
      <dsp:spPr>
        <a:xfrm>
          <a:off x="8396550" y="1018782"/>
          <a:ext cx="1098562" cy="1098562"/>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80DDEA1-5524-4604-9872-3FD607B6B186}">
      <dsp:nvSpPr>
        <dsp:cNvPr id="0" name=""/>
        <dsp:cNvSpPr/>
      </dsp:nvSpPr>
      <dsp:spPr>
        <a:xfrm>
          <a:off x="7376456" y="2216837"/>
          <a:ext cx="3138750" cy="4708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1155700">
            <a:lnSpc>
              <a:spcPct val="100000"/>
            </a:lnSpc>
            <a:spcBef>
              <a:spcPct val="0"/>
            </a:spcBef>
            <a:spcAft>
              <a:spcPct val="35000"/>
            </a:spcAft>
            <a:buNone/>
            <a:defRPr b="1"/>
          </a:pPr>
          <a:r>
            <a:rPr lang="en-US" sz="2600" kern="1200">
              <a:solidFill>
                <a:schemeClr val="tx2"/>
              </a:solidFill>
              <a:latin typeface="Palatino Linotype" panose="02040502050505030304" pitchFamily="18" charset="0"/>
            </a:rPr>
            <a:t>Interested Groups:</a:t>
          </a:r>
        </a:p>
      </dsp:txBody>
      <dsp:txXfrm>
        <a:off x="7376456" y="2216837"/>
        <a:ext cx="3138750" cy="470812"/>
      </dsp:txXfrm>
    </dsp:sp>
    <dsp:sp modelId="{A6649CFB-9052-442F-9C29-2F6BD735ED9A}">
      <dsp:nvSpPr>
        <dsp:cNvPr id="0" name=""/>
        <dsp:cNvSpPr/>
      </dsp:nvSpPr>
      <dsp:spPr>
        <a:xfrm>
          <a:off x="7376456" y="2733925"/>
          <a:ext cx="3138750" cy="59863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755650">
            <a:lnSpc>
              <a:spcPct val="100000"/>
            </a:lnSpc>
            <a:spcBef>
              <a:spcPct val="0"/>
            </a:spcBef>
            <a:spcAft>
              <a:spcPct val="35000"/>
            </a:spcAft>
            <a:buNone/>
          </a:pPr>
          <a:r>
            <a:rPr lang="en-US" sz="1700" kern="1200">
              <a:solidFill>
                <a:schemeClr val="tx2"/>
              </a:solidFill>
              <a:latin typeface="Palatino Linotype" panose="02040502050505030304" pitchFamily="18" charset="0"/>
            </a:rPr>
            <a:t>CG Research Development Center and CG UAS Program</a:t>
          </a:r>
        </a:p>
      </dsp:txBody>
      <dsp:txXfrm>
        <a:off x="7376456" y="2733925"/>
        <a:ext cx="3138750" cy="59863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D5E4CF6-38F1-4EBA-B9B5-4C24A6B4194B}">
      <dsp:nvSpPr>
        <dsp:cNvPr id="0" name=""/>
        <dsp:cNvSpPr/>
      </dsp:nvSpPr>
      <dsp:spPr>
        <a:xfrm>
          <a:off x="602725" y="1196617"/>
          <a:ext cx="645257" cy="645257"/>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D7F6EA4-CB67-4ADA-82EA-7B17D31BBE7C}">
      <dsp:nvSpPr>
        <dsp:cNvPr id="0" name=""/>
        <dsp:cNvSpPr/>
      </dsp:nvSpPr>
      <dsp:spPr>
        <a:xfrm>
          <a:off x="3557" y="1926074"/>
          <a:ext cx="1843593" cy="4407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defRPr b="1"/>
          </a:pPr>
          <a:r>
            <a:rPr lang="en-US" sz="1400" kern="1200"/>
            <a:t>Designing flight deck</a:t>
          </a:r>
        </a:p>
      </dsp:txBody>
      <dsp:txXfrm>
        <a:off x="3557" y="1926074"/>
        <a:ext cx="1843593" cy="440734"/>
      </dsp:txXfrm>
    </dsp:sp>
    <dsp:sp modelId="{A8988C47-595F-46CC-AFA5-1B9325EB9258}">
      <dsp:nvSpPr>
        <dsp:cNvPr id="0" name=""/>
        <dsp:cNvSpPr/>
      </dsp:nvSpPr>
      <dsp:spPr>
        <a:xfrm>
          <a:off x="3557" y="2405970"/>
          <a:ext cx="1843593" cy="748749"/>
        </a:xfrm>
        <a:prstGeom prst="rect">
          <a:avLst/>
        </a:prstGeom>
        <a:noFill/>
        <a:ln>
          <a:noFill/>
        </a:ln>
        <a:effectLst/>
      </dsp:spPr>
      <dsp:style>
        <a:lnRef idx="0">
          <a:scrgbClr r="0" g="0" b="0"/>
        </a:lnRef>
        <a:fillRef idx="0">
          <a:scrgbClr r="0" g="0" b="0"/>
        </a:fillRef>
        <a:effectRef idx="0">
          <a:scrgbClr r="0" g="0" b="0"/>
        </a:effectRef>
        <a:fontRef idx="minor"/>
      </dsp:style>
    </dsp:sp>
    <dsp:sp modelId="{33194245-0269-41EF-AFBA-7D251F82B976}">
      <dsp:nvSpPr>
        <dsp:cNvPr id="0" name=""/>
        <dsp:cNvSpPr/>
      </dsp:nvSpPr>
      <dsp:spPr>
        <a:xfrm>
          <a:off x="2768948" y="1196617"/>
          <a:ext cx="645257" cy="645257"/>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5F093E5-6DC7-4E4A-B82E-25078BFAAB65}">
      <dsp:nvSpPr>
        <dsp:cNvPr id="0" name=""/>
        <dsp:cNvSpPr/>
      </dsp:nvSpPr>
      <dsp:spPr>
        <a:xfrm>
          <a:off x="2169780" y="1926074"/>
          <a:ext cx="1843593" cy="4407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defRPr b="1"/>
          </a:pPr>
          <a:r>
            <a:rPr lang="en-US" sz="1400" kern="1200"/>
            <a:t>Utilize image processing algorithm</a:t>
          </a:r>
        </a:p>
      </dsp:txBody>
      <dsp:txXfrm>
        <a:off x="2169780" y="1926074"/>
        <a:ext cx="1843593" cy="440734"/>
      </dsp:txXfrm>
    </dsp:sp>
    <dsp:sp modelId="{8D1C5820-97CD-428A-AC57-0021CFA7221B}">
      <dsp:nvSpPr>
        <dsp:cNvPr id="0" name=""/>
        <dsp:cNvSpPr/>
      </dsp:nvSpPr>
      <dsp:spPr>
        <a:xfrm>
          <a:off x="2169780" y="2405970"/>
          <a:ext cx="1843593" cy="748749"/>
        </a:xfrm>
        <a:prstGeom prst="rect">
          <a:avLst/>
        </a:prstGeom>
        <a:noFill/>
        <a:ln>
          <a:noFill/>
        </a:ln>
        <a:effectLst/>
      </dsp:spPr>
      <dsp:style>
        <a:lnRef idx="0">
          <a:scrgbClr r="0" g="0" b="0"/>
        </a:lnRef>
        <a:fillRef idx="0">
          <a:scrgbClr r="0" g="0" b="0"/>
        </a:fillRef>
        <a:effectRef idx="0">
          <a:scrgbClr r="0" g="0" b="0"/>
        </a:effectRef>
        <a:fontRef idx="minor"/>
      </dsp:style>
    </dsp:sp>
    <dsp:sp modelId="{D33A69CF-625C-4E0E-A875-BD10C6515E5B}">
      <dsp:nvSpPr>
        <dsp:cNvPr id="0" name=""/>
        <dsp:cNvSpPr/>
      </dsp:nvSpPr>
      <dsp:spPr>
        <a:xfrm>
          <a:off x="4935171" y="1196617"/>
          <a:ext cx="645257" cy="645257"/>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1A36727-D792-4D88-8AA3-428897FA41E6}">
      <dsp:nvSpPr>
        <dsp:cNvPr id="0" name=""/>
        <dsp:cNvSpPr/>
      </dsp:nvSpPr>
      <dsp:spPr>
        <a:xfrm>
          <a:off x="4336003" y="1926074"/>
          <a:ext cx="1843593" cy="4407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defRPr b="1"/>
          </a:pPr>
          <a:r>
            <a:rPr lang="en-US" sz="1400" kern="1200"/>
            <a:t>Communication to controller</a:t>
          </a:r>
        </a:p>
      </dsp:txBody>
      <dsp:txXfrm>
        <a:off x="4336003" y="1926074"/>
        <a:ext cx="1843593" cy="440734"/>
      </dsp:txXfrm>
    </dsp:sp>
    <dsp:sp modelId="{E46601CD-1226-48EF-BB97-7327B1DB68AF}">
      <dsp:nvSpPr>
        <dsp:cNvPr id="0" name=""/>
        <dsp:cNvSpPr/>
      </dsp:nvSpPr>
      <dsp:spPr>
        <a:xfrm>
          <a:off x="4336003" y="2405970"/>
          <a:ext cx="1843593" cy="748749"/>
        </a:xfrm>
        <a:prstGeom prst="rect">
          <a:avLst/>
        </a:prstGeom>
        <a:noFill/>
        <a:ln>
          <a:noFill/>
        </a:ln>
        <a:effectLst/>
      </dsp:spPr>
      <dsp:style>
        <a:lnRef idx="0">
          <a:scrgbClr r="0" g="0" b="0"/>
        </a:lnRef>
        <a:fillRef idx="0">
          <a:scrgbClr r="0" g="0" b="0"/>
        </a:fillRef>
        <a:effectRef idx="0">
          <a:scrgbClr r="0" g="0" b="0"/>
        </a:effectRef>
        <a:fontRef idx="minor"/>
      </dsp:style>
    </dsp:sp>
    <dsp:sp modelId="{D92FEDDB-0BB8-4D27-835A-29CDDD2D8CE8}">
      <dsp:nvSpPr>
        <dsp:cNvPr id="0" name=""/>
        <dsp:cNvSpPr/>
      </dsp:nvSpPr>
      <dsp:spPr>
        <a:xfrm>
          <a:off x="7101393" y="1196617"/>
          <a:ext cx="645257" cy="645257"/>
        </a:xfrm>
        <a:prstGeom prst="rect">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CB1526E2-4CAE-4A08-9BF7-35EE4849FC2A}">
      <dsp:nvSpPr>
        <dsp:cNvPr id="0" name=""/>
        <dsp:cNvSpPr/>
      </dsp:nvSpPr>
      <dsp:spPr>
        <a:xfrm>
          <a:off x="6502225" y="1926074"/>
          <a:ext cx="1843593" cy="4407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defRPr b="1"/>
          </a:pPr>
          <a:r>
            <a:rPr lang="en-US" sz="1400" kern="1200"/>
            <a:t>Camera feed in Gazebo</a:t>
          </a:r>
        </a:p>
      </dsp:txBody>
      <dsp:txXfrm>
        <a:off x="6502225" y="1926074"/>
        <a:ext cx="1843593" cy="440734"/>
      </dsp:txXfrm>
    </dsp:sp>
    <dsp:sp modelId="{451BB258-7F56-40E5-9822-C94B9C8F4844}">
      <dsp:nvSpPr>
        <dsp:cNvPr id="0" name=""/>
        <dsp:cNvSpPr/>
      </dsp:nvSpPr>
      <dsp:spPr>
        <a:xfrm>
          <a:off x="6502225" y="2405970"/>
          <a:ext cx="1843593" cy="748749"/>
        </a:xfrm>
        <a:prstGeom prst="rect">
          <a:avLst/>
        </a:prstGeom>
        <a:noFill/>
        <a:ln>
          <a:noFill/>
        </a:ln>
        <a:effectLst/>
      </dsp:spPr>
      <dsp:style>
        <a:lnRef idx="0">
          <a:scrgbClr r="0" g="0" b="0"/>
        </a:lnRef>
        <a:fillRef idx="0">
          <a:scrgbClr r="0" g="0" b="0"/>
        </a:fillRef>
        <a:effectRef idx="0">
          <a:scrgbClr r="0" g="0" b="0"/>
        </a:effectRef>
        <a:fontRef idx="minor"/>
      </dsp:style>
    </dsp:sp>
    <dsp:sp modelId="{E91FC718-73BC-46BE-B2A5-F9963439D9D0}">
      <dsp:nvSpPr>
        <dsp:cNvPr id="0" name=""/>
        <dsp:cNvSpPr/>
      </dsp:nvSpPr>
      <dsp:spPr>
        <a:xfrm>
          <a:off x="9267616" y="1196617"/>
          <a:ext cx="645257" cy="645257"/>
        </a:xfrm>
        <a:prstGeom prst="rect">
          <a:avLst/>
        </a:prstGeom>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0B868B4-9A72-476F-ACD6-9B609E7F62C4}">
      <dsp:nvSpPr>
        <dsp:cNvPr id="0" name=""/>
        <dsp:cNvSpPr/>
      </dsp:nvSpPr>
      <dsp:spPr>
        <a:xfrm>
          <a:off x="8668448" y="1926074"/>
          <a:ext cx="1843593" cy="4407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defRPr b="1"/>
          </a:pPr>
          <a:r>
            <a:rPr lang="en-US" sz="1400" kern="1200"/>
            <a:t>Raspberry Pi Setup</a:t>
          </a:r>
        </a:p>
      </dsp:txBody>
      <dsp:txXfrm>
        <a:off x="8668448" y="1926074"/>
        <a:ext cx="1843593" cy="440734"/>
      </dsp:txXfrm>
    </dsp:sp>
    <dsp:sp modelId="{8F9038B8-3ED5-4891-80BE-7236AF599D0A}">
      <dsp:nvSpPr>
        <dsp:cNvPr id="0" name=""/>
        <dsp:cNvSpPr/>
      </dsp:nvSpPr>
      <dsp:spPr>
        <a:xfrm>
          <a:off x="8668448" y="2405970"/>
          <a:ext cx="1843593" cy="74874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488950">
            <a:lnSpc>
              <a:spcPct val="100000"/>
            </a:lnSpc>
            <a:spcBef>
              <a:spcPct val="0"/>
            </a:spcBef>
            <a:spcAft>
              <a:spcPct val="35000"/>
            </a:spcAft>
            <a:buNone/>
          </a:pPr>
          <a:r>
            <a:rPr lang="en-US" sz="1100" kern="1200"/>
            <a:t>Stream to QGroundControl</a:t>
          </a:r>
        </a:p>
        <a:p>
          <a:pPr marL="0" lvl="0" indent="0" algn="ctr" defTabSz="488950">
            <a:lnSpc>
              <a:spcPct val="100000"/>
            </a:lnSpc>
            <a:spcBef>
              <a:spcPct val="0"/>
            </a:spcBef>
            <a:spcAft>
              <a:spcPct val="35000"/>
            </a:spcAft>
            <a:buNone/>
          </a:pPr>
          <a:r>
            <a:rPr lang="en-US" sz="1100" kern="1200"/>
            <a:t>OpenCV on Pi</a:t>
          </a:r>
        </a:p>
      </dsp:txBody>
      <dsp:txXfrm>
        <a:off x="8668448" y="2405970"/>
        <a:ext cx="1843593" cy="748749"/>
      </dsp:txXfrm>
    </dsp:sp>
  </dsp:spTree>
</dsp:drawing>
</file>

<file path=ppt/diagrams/layout1.xml><?xml version="1.0" encoding="utf-8"?>
<dgm:layoutDef xmlns:dgm="http://schemas.openxmlformats.org/drawingml/2006/diagram" xmlns:a="http://schemas.openxmlformats.org/drawingml/2006/main" uniqueId="urn:microsoft.com/office/officeart/2018/5/layout/CenteredIconLabelDescriptionList">
  <dgm:title val="Centered Icon Label Description List"/>
  <dgm:desc val="Use to show non-sequential or grouped chunks of information. The placeholder holds an icon or small picture, and corresponding text boxes show Level 1 and Level 2 text respectively. Works well for minimal Level 1 text accompanied by lengthier Level two text."/>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if>
      <dgm:else name="Name2">
        <dgm:alg type="lin">
          <dgm:param type="linDir" val="fromR"/>
        </dgm:alg>
      </dgm:else>
    </dgm:choose>
    <dgm:shape xmlns:r="http://schemas.openxmlformats.org/officeDocument/2006/relationships" r:blip="">
      <dgm:adjLst/>
    </dgm:shape>
    <dgm:presOf/>
    <dgm:constrLst>
      <dgm:constr type="h" for="ch" forName="compNode" refType="h" fact="0.45"/>
      <dgm:constr type="w" for="ch" forName="compNode" val="120"/>
      <dgm:constr type="w" for="ch" forName="sibTrans" refType="w" refFor="ch" refForName="compNode" fact="0.175"/>
      <dgm:constr type="primFontSz" for="des" forName="parTx" val="36"/>
      <dgm:constr type="primFontSz" for="des" forName="desTx" refType="primFontSz" refFor="des" refForName="parTx" op="lte" fact="0.75"/>
      <dgm:constr type="h" for="des" forName="compNode" op="equ"/>
      <dgm:constr type="h" for="des" forName="iconRect" op="equ"/>
      <dgm:constr type="w" for="des" forName="iconRect" op="equ"/>
      <dgm:constr type="h" for="des" forName="iconSpace" op="equ"/>
      <dgm:constr type="h" for="des" forName="parTx" op="equ"/>
      <dgm:constr type="h" for="des" forName="txSpace" op="equ"/>
      <dgm:constr type="h" for="des" forName="desTx" op="equ"/>
    </dgm:constrLst>
    <dgm:ruleLst>
      <dgm:rule type="w" for="ch" forName="compNode" val="0" fact="NaN" max="NaN"/>
    </dgm:ruleLst>
    <dgm:forEach name="Name3" axis="ch" ptType="node">
      <dgm:layoutNode name="compNode">
        <dgm:alg type="composite"/>
        <dgm:shape xmlns:r="http://schemas.openxmlformats.org/officeDocument/2006/relationships" r:blip="">
          <dgm:adjLst/>
        </dgm:shape>
        <dgm:presOf axis="self"/>
        <dgm:constrLst>
          <dgm:constr type="w" for="ch" forName="iconRect" refType="w" fact="0.35"/>
          <dgm:constr type="h" for="ch" forName="iconRect" refType="w" refFor="ch" refForName="iconRect"/>
          <dgm:constr type="ctrX" for="ch" forName="iconRect" refType="w" fact="0.5"/>
          <dgm:constr type="t" for="ch" forName="iconRect"/>
          <dgm:constr type="w" for="ch" forName="iconSpace" refType="w"/>
          <dgm:constr type="h" for="ch" forName="iconSpace" refType="h" fact="0.043"/>
          <dgm:constr type="l" for="ch" forName="iconSpace"/>
          <dgm:constr type="t" for="ch" forName="iconSpace" refType="b" refFor="ch" refForName="iconRect"/>
          <dgm:constr type="w" for="ch" forName="parTx" refType="w"/>
          <dgm:constr type="h" for="ch" forName="parTx" refType="w" fact="0.15"/>
          <dgm:constr type="l" for="ch" forName="parTx"/>
          <dgm:constr type="t" for="ch" forName="parTx" refType="b" refFor="ch" refForName="iconSpace"/>
          <dgm:constr type="h" for="ch" forName="txSpace" refType="h" fact="0.02"/>
          <dgm:constr type="w" for="ch" forName="txSpace" refType="w"/>
          <dgm:constr type="l" for="ch" forName="txSpace"/>
          <dgm:constr type="t" for="ch" forName="txSpace" refType="b" refFor="ch" refForName="parTx"/>
          <dgm:constr type="w" for="ch" forName="desTx" refType="w"/>
          <dgm:constr type="l" for="ch" forName="desTx"/>
          <dgm:constr type="t" for="ch" forName="desTx" refType="b" refFor="ch" refForName="txSpace"/>
        </dgm:constrLst>
        <dgm:ruleLst>
          <dgm:rule type="h" val="INF" fact="NaN" max="NaN"/>
        </dgm:ruleLst>
        <dgm:layoutNode name="iconRect" styleLbl="node1">
          <dgm:alg type="sp"/>
          <dgm:shape xmlns:r="http://schemas.openxmlformats.org/officeDocument/2006/relationships" type="rect" r:blip="" blipPhldr="1">
            <dgm:adjLst/>
          </dgm:shape>
          <dgm:presOf/>
          <dgm:constrLst/>
          <dgm:ruleLst/>
        </dgm:layoutNode>
        <dgm:layoutNode name="iconSpace">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t"/>
          </dgm:alg>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4" fact="NaN" max="NaN"/>
            <dgm:rule type="h" val="INF" fact="NaN" max="NaN"/>
          </dgm:ruleLst>
        </dgm:layoutNode>
        <dgm:layoutNode name="txSpace">
          <dgm:alg type="sp"/>
          <dgm:shape xmlns:r="http://schemas.openxmlformats.org/officeDocument/2006/relationships" r:blip="">
            <dgm:adjLst/>
          </dgm:shape>
          <dgm:presOf/>
          <dgm:constrLst/>
          <dgm:ruleLst/>
        </dgm:layoutNode>
        <dgm:layoutNode name="desTx" styleLbl="revTx">
          <dgm:varLst/>
          <dgm:alg type="tx">
            <dgm:param type="stBulletLvl" val="0"/>
            <dgm:param type="txAnchorVert" val="t"/>
          </dgm:alg>
          <dgm:shape xmlns:r="http://schemas.openxmlformats.org/officeDocument/2006/relationships" type="rect" r:blip="">
            <dgm:adjLst/>
          </dgm:shape>
          <dgm:presOf axis="des" ptType="node"/>
          <dgm:constrLst>
            <dgm:constr type="secFontSz" refType="primFontSz"/>
            <dgm:constr type="lMarg"/>
            <dgm:constr type="rMarg"/>
            <dgm:constr type="tMarg"/>
            <dgm:constr type="bMarg"/>
          </dgm:constrLst>
          <dgm:ruleLst>
            <dgm:rule type="primFontSz" val="NaN" fact="NaN" max="17"/>
            <dgm:rule type="h" val="INF" fact="NaN" max="NaN"/>
          </dgm:ruleLst>
        </dgm:layoutNode>
      </dgm:layoutNode>
      <dgm:forEach name="Name4"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defRPr b="1"/>
        </a:lvl1pPr>
        <a:lvl2pPr>
          <a:lnSpc>
            <a:spcPct val="100000"/>
          </a:lnSpc>
        </a:lvl2pPr>
      </dgm1612:lstStyle>
    </a:ext>
  </dgm:extLst>
</dgm:layoutDef>
</file>

<file path=ppt/diagrams/layout2.xml><?xml version="1.0" encoding="utf-8"?>
<dgm:layoutDef xmlns:dgm="http://schemas.openxmlformats.org/drawingml/2006/diagram" xmlns:a="http://schemas.openxmlformats.org/drawingml/2006/main" uniqueId="urn:microsoft.com/office/officeart/2018/5/layout/CenteredIconLabelDescriptionList">
  <dgm:title val="Centered Icon Label Description List"/>
  <dgm:desc val="Use to show non-sequential or grouped chunks of information. The placeholder holds an icon or small picture, and corresponding text boxes show Level 1 and Level 2 text respectively. Works well for minimal Level 1 text accompanied by lengthier Level two text."/>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if>
      <dgm:else name="Name2">
        <dgm:alg type="lin">
          <dgm:param type="linDir" val="fromR"/>
        </dgm:alg>
      </dgm:else>
    </dgm:choose>
    <dgm:shape xmlns:r="http://schemas.openxmlformats.org/officeDocument/2006/relationships" r:blip="">
      <dgm:adjLst/>
    </dgm:shape>
    <dgm:presOf/>
    <dgm:constrLst>
      <dgm:constr type="h" for="ch" forName="compNode" refType="h" fact="0.45"/>
      <dgm:constr type="w" for="ch" forName="compNode" val="120"/>
      <dgm:constr type="w" for="ch" forName="sibTrans" refType="w" refFor="ch" refForName="compNode" fact="0.175"/>
      <dgm:constr type="primFontSz" for="des" forName="parTx" val="36"/>
      <dgm:constr type="primFontSz" for="des" forName="desTx" refType="primFontSz" refFor="des" refForName="parTx" op="lte" fact="0.75"/>
      <dgm:constr type="h" for="des" forName="compNode" op="equ"/>
      <dgm:constr type="h" for="des" forName="iconRect" op="equ"/>
      <dgm:constr type="w" for="des" forName="iconRect" op="equ"/>
      <dgm:constr type="h" for="des" forName="iconSpace" op="equ"/>
      <dgm:constr type="h" for="des" forName="parTx" op="equ"/>
      <dgm:constr type="h" for="des" forName="txSpace" op="equ"/>
      <dgm:constr type="h" for="des" forName="desTx" op="equ"/>
    </dgm:constrLst>
    <dgm:ruleLst>
      <dgm:rule type="w" for="ch" forName="compNode" val="0" fact="NaN" max="NaN"/>
    </dgm:ruleLst>
    <dgm:forEach name="Name3" axis="ch" ptType="node">
      <dgm:layoutNode name="compNode">
        <dgm:alg type="composite"/>
        <dgm:shape xmlns:r="http://schemas.openxmlformats.org/officeDocument/2006/relationships" r:blip="">
          <dgm:adjLst/>
        </dgm:shape>
        <dgm:presOf axis="self"/>
        <dgm:constrLst>
          <dgm:constr type="w" for="ch" forName="iconRect" refType="w" fact="0.35"/>
          <dgm:constr type="h" for="ch" forName="iconRect" refType="w" refFor="ch" refForName="iconRect"/>
          <dgm:constr type="ctrX" for="ch" forName="iconRect" refType="w" fact="0.5"/>
          <dgm:constr type="t" for="ch" forName="iconRect"/>
          <dgm:constr type="w" for="ch" forName="iconSpace" refType="w"/>
          <dgm:constr type="h" for="ch" forName="iconSpace" refType="h" fact="0.043"/>
          <dgm:constr type="l" for="ch" forName="iconSpace"/>
          <dgm:constr type="t" for="ch" forName="iconSpace" refType="b" refFor="ch" refForName="iconRect"/>
          <dgm:constr type="w" for="ch" forName="parTx" refType="w"/>
          <dgm:constr type="h" for="ch" forName="parTx" refType="w" fact="0.15"/>
          <dgm:constr type="l" for="ch" forName="parTx"/>
          <dgm:constr type="t" for="ch" forName="parTx" refType="b" refFor="ch" refForName="iconSpace"/>
          <dgm:constr type="h" for="ch" forName="txSpace" refType="h" fact="0.02"/>
          <dgm:constr type="w" for="ch" forName="txSpace" refType="w"/>
          <dgm:constr type="l" for="ch" forName="txSpace"/>
          <dgm:constr type="t" for="ch" forName="txSpace" refType="b" refFor="ch" refForName="parTx"/>
          <dgm:constr type="w" for="ch" forName="desTx" refType="w"/>
          <dgm:constr type="l" for="ch" forName="desTx"/>
          <dgm:constr type="t" for="ch" forName="desTx" refType="b" refFor="ch" refForName="txSpace"/>
        </dgm:constrLst>
        <dgm:ruleLst>
          <dgm:rule type="h" val="INF" fact="NaN" max="NaN"/>
        </dgm:ruleLst>
        <dgm:layoutNode name="iconRect" styleLbl="node1">
          <dgm:alg type="sp"/>
          <dgm:shape xmlns:r="http://schemas.openxmlformats.org/officeDocument/2006/relationships" type="rect" r:blip="" blipPhldr="1">
            <dgm:adjLst/>
          </dgm:shape>
          <dgm:presOf/>
          <dgm:constrLst/>
          <dgm:ruleLst/>
        </dgm:layoutNode>
        <dgm:layoutNode name="iconSpace">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t"/>
          </dgm:alg>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4" fact="NaN" max="NaN"/>
            <dgm:rule type="h" val="INF" fact="NaN" max="NaN"/>
          </dgm:ruleLst>
        </dgm:layoutNode>
        <dgm:layoutNode name="txSpace">
          <dgm:alg type="sp"/>
          <dgm:shape xmlns:r="http://schemas.openxmlformats.org/officeDocument/2006/relationships" r:blip="">
            <dgm:adjLst/>
          </dgm:shape>
          <dgm:presOf/>
          <dgm:constrLst/>
          <dgm:ruleLst/>
        </dgm:layoutNode>
        <dgm:layoutNode name="desTx" styleLbl="revTx">
          <dgm:varLst/>
          <dgm:alg type="tx">
            <dgm:param type="stBulletLvl" val="0"/>
            <dgm:param type="txAnchorVert" val="t"/>
          </dgm:alg>
          <dgm:shape xmlns:r="http://schemas.openxmlformats.org/officeDocument/2006/relationships" type="rect" r:blip="">
            <dgm:adjLst/>
          </dgm:shape>
          <dgm:presOf axis="des" ptType="node"/>
          <dgm:constrLst>
            <dgm:constr type="secFontSz" refType="primFontSz"/>
            <dgm:constr type="lMarg"/>
            <dgm:constr type="rMarg"/>
            <dgm:constr type="tMarg"/>
            <dgm:constr type="bMarg"/>
          </dgm:constrLst>
          <dgm:ruleLst>
            <dgm:rule type="primFontSz" val="NaN" fact="NaN" max="17"/>
            <dgm:rule type="h" val="INF" fact="NaN" max="NaN"/>
          </dgm:ruleLst>
        </dgm:layoutNode>
      </dgm:layoutNode>
      <dgm:forEach name="Name4"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defRPr b="1"/>
        </a:lvl1pPr>
        <a:lvl2pPr>
          <a:lnSpc>
            <a:spcPct val="100000"/>
          </a:lnSpc>
        </a:lvl2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E61DBA3-1A92-4A6D-A90F-A643CA9E56F7}" type="datetimeFigureOut">
              <a:rPr lang="en-US"/>
              <a:t>11/12/20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606B4CE-843A-4275-8506-95EBF11F9305}" type="slidenum">
              <a:rPr lang="en-US"/>
              <a:t>‹#›</a:t>
            </a:fld>
            <a:endParaRPr lang="en-US"/>
          </a:p>
        </p:txBody>
      </p:sp>
    </p:spTree>
    <p:extLst>
      <p:ext uri="{BB962C8B-B14F-4D97-AF65-F5344CB8AC3E}">
        <p14:creationId xmlns:p14="http://schemas.microsoft.com/office/powerpoint/2010/main" val="97550815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The objective of this capstone can be summarized as to design a low cost, open architecture, and cooperative autonomous quadcopter. With this objective, there are a few Key Performance </a:t>
            </a:r>
            <a:r>
              <a:rPr lang="en-US" err="1">
                <a:cs typeface="Calibri"/>
              </a:rPr>
              <a:t>Paramaters</a:t>
            </a:r>
            <a:r>
              <a:rPr lang="en-US">
                <a:cs typeface="Calibri"/>
              </a:rPr>
              <a:t> which, when completed, will allow the UAV to be within the competition requirements of </a:t>
            </a:r>
            <a:r>
              <a:rPr lang="en-US" err="1">
                <a:cs typeface="Calibri"/>
              </a:rPr>
              <a:t>RoboBoat</a:t>
            </a:r>
            <a:r>
              <a:rPr lang="en-US">
                <a:cs typeface="Calibri"/>
              </a:rPr>
              <a:t> 2022. These parameters are being capable of stable, autonomous flight, being able to take off and land from a moving ASV, being able to transport small payloads, and to coordinate objectives with the ASV. These KPPs, when completed, will show applicability to supplementing Coast Guard missions such as Search and Rescue.  To emphasize, this drone could provide an extremely low cost solution to the implementation of unmanned vehicles in CG missions. Currently, SCANEAGLE (3 million) is being utilized by the service at a large cost to the Coast Guard. This solution comes at a miniscule $1000. </a:t>
            </a:r>
          </a:p>
          <a:p>
            <a:endParaRPr lang="en-US">
              <a:cs typeface="Calibri"/>
            </a:endParaRPr>
          </a:p>
          <a:p>
            <a:endParaRPr lang="en-US">
              <a:cs typeface="Calibri"/>
            </a:endParaRPr>
          </a:p>
        </p:txBody>
      </p:sp>
      <p:sp>
        <p:nvSpPr>
          <p:cNvPr id="4" name="Slide Number Placeholder 3"/>
          <p:cNvSpPr>
            <a:spLocks noGrp="1"/>
          </p:cNvSpPr>
          <p:nvPr>
            <p:ph type="sldNum" sz="quarter" idx="5"/>
          </p:nvPr>
        </p:nvSpPr>
        <p:spPr/>
        <p:txBody>
          <a:bodyPr/>
          <a:lstStyle/>
          <a:p>
            <a:fld id="{D606B4CE-843A-4275-8506-95EBF11F9305}" type="slidenum">
              <a:rPr lang="en-US"/>
              <a:t>2</a:t>
            </a:fld>
            <a:endParaRPr lang="en-US"/>
          </a:p>
        </p:txBody>
      </p:sp>
    </p:spTree>
    <p:extLst>
      <p:ext uri="{BB962C8B-B14F-4D97-AF65-F5344CB8AC3E}">
        <p14:creationId xmlns:p14="http://schemas.microsoft.com/office/powerpoint/2010/main" val="17765651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cs typeface="Calibri"/>
            </a:endParaRPr>
          </a:p>
        </p:txBody>
      </p:sp>
      <p:sp>
        <p:nvSpPr>
          <p:cNvPr id="4" name="Slide Number Placeholder 3"/>
          <p:cNvSpPr>
            <a:spLocks noGrp="1"/>
          </p:cNvSpPr>
          <p:nvPr>
            <p:ph type="sldNum" sz="quarter" idx="5"/>
          </p:nvPr>
        </p:nvSpPr>
        <p:spPr/>
        <p:txBody>
          <a:bodyPr/>
          <a:lstStyle/>
          <a:p>
            <a:fld id="{D606B4CE-843A-4275-8506-95EBF11F9305}" type="slidenum">
              <a:rPr lang="en-US"/>
              <a:t>3</a:t>
            </a:fld>
            <a:endParaRPr lang="en-US"/>
          </a:p>
        </p:txBody>
      </p:sp>
    </p:spTree>
    <p:extLst>
      <p:ext uri="{BB962C8B-B14F-4D97-AF65-F5344CB8AC3E}">
        <p14:creationId xmlns:p14="http://schemas.microsoft.com/office/powerpoint/2010/main" val="12380686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1. So now is a good time to take an overview of the UAV and its accompanying systems as we have designed it so far. </a:t>
            </a:r>
          </a:p>
          <a:p>
            <a:endParaRPr lang="en-US"/>
          </a:p>
          <a:p>
            <a:r>
              <a:rPr lang="en-US"/>
              <a:t>2. In front of you now is our preliminary design in very board strokes for the physical – hardware – and software pieces of the puzzle. With respect to time and to best convey the spirit of what we have done, we will classify the above into categories or modules.</a:t>
            </a:r>
          </a:p>
          <a:p>
            <a:endParaRPr lang="en-US"/>
          </a:p>
          <a:p>
            <a:r>
              <a:rPr lang="en-US"/>
              <a:t>2.1 In order to best understand this, it might be prudent to examine the centrally located piece comprised of the components physically present on the UAV, or the UAV Physical Components.</a:t>
            </a:r>
          </a:p>
          <a:p>
            <a:endParaRPr lang="en-US"/>
          </a:p>
          <a:p>
            <a:r>
              <a:rPr lang="en-US"/>
              <a:t>3. In the center of the diagram with many branches outward you can find the Pixhawk and accompanying PX4 flight controller. The Pixhawk autopilot is a physical device optimized for the PX4 flight controller software that accepts a multitude of inputs and outputs in order to enable manual and autonomous flight. </a:t>
            </a:r>
          </a:p>
          <a:p>
            <a:endParaRPr lang="en-US"/>
          </a:p>
          <a:p>
            <a:r>
              <a:rPr lang="en-US"/>
              <a:t>4. Those two pieces in combination are essentially the brains of our drone – they take sensor data and outside communications into account and supply the motors with commands as well as pass information along to accompanying modules.</a:t>
            </a:r>
          </a:p>
          <a:p>
            <a:endParaRPr lang="en-US"/>
          </a:p>
          <a:p>
            <a:r>
              <a:rPr lang="en-US"/>
              <a:t>5. Logically following the brains of the drone would be the communications module. Inside the communications module we have the RC transmitter enabling a transfer of information with a physical controller. In communications we also have the </a:t>
            </a:r>
            <a:r>
              <a:rPr lang="en-US" err="1"/>
              <a:t>Xbee</a:t>
            </a:r>
            <a:r>
              <a:rPr lang="en-US"/>
              <a:t>.</a:t>
            </a:r>
          </a:p>
          <a:p>
            <a:endParaRPr lang="en-US"/>
          </a:p>
          <a:p>
            <a:r>
              <a:rPr lang="en-US"/>
              <a:t>6. The </a:t>
            </a:r>
            <a:r>
              <a:rPr lang="en-US" err="1"/>
              <a:t>Xbee</a:t>
            </a:r>
            <a:r>
              <a:rPr lang="en-US"/>
              <a:t> will ultimately enable communications to a broad number of components in a variety of different ways. By its mesh networking capabilities, communications with the ASV, </a:t>
            </a:r>
            <a:r>
              <a:rPr lang="en-US" err="1"/>
              <a:t>QGroundControl</a:t>
            </a:r>
            <a:r>
              <a:rPr lang="en-US"/>
              <a:t>, and, by extension, our RTK base station are enabled.</a:t>
            </a:r>
          </a:p>
          <a:p>
            <a:endParaRPr lang="en-US"/>
          </a:p>
          <a:p>
            <a:r>
              <a:rPr lang="en-US"/>
              <a:t>7. Following communications, we can examine the raspberry pi and computer vision elements of the drone. Ultimately an entirely onboard autonomous process, the computer vision element will consider camera input and other sensor elements in order to enable autonomous landing and other operations.</a:t>
            </a:r>
          </a:p>
          <a:p>
            <a:endParaRPr lang="en-US"/>
          </a:p>
          <a:p>
            <a:r>
              <a:rPr lang="en-US"/>
              <a:t>8. Finally we can conclude with examining the components. The components are comprised of sensors, motors, and localization or position resources. In conjunction with the Pixhawk, PX4, and </a:t>
            </a:r>
            <a:r>
              <a:rPr lang="en-US" err="1"/>
              <a:t>QGroundControl</a:t>
            </a:r>
            <a:r>
              <a:rPr lang="en-US"/>
              <a:t>, the components enable flight either directly in the case of the motors or indirectly by providing critical telemetry data such as altitude or position.</a:t>
            </a:r>
          </a:p>
          <a:p>
            <a:endParaRPr lang="en-US"/>
          </a:p>
          <a:p>
            <a:r>
              <a:rPr lang="en-US"/>
              <a:t>9. As a whole, while there is certainly a lot to the drone, those three modules – the communications, components, and Pixhawk autopilot, describe the function of the drone in the sense that it – with future development – might accomplish our key performance parameters of stable autonomous flight, landing, and communication with the ASV. There are interior elements to each of these modules – controllers, interior communications, and logic for example – that are not included but certainly exist.</a:t>
            </a:r>
          </a:p>
          <a:p>
            <a:endParaRPr lang="en-US"/>
          </a:p>
          <a:p>
            <a:endParaRPr lang="en-US"/>
          </a:p>
        </p:txBody>
      </p:sp>
      <p:sp>
        <p:nvSpPr>
          <p:cNvPr id="4" name="Slide Number Placeholder 3"/>
          <p:cNvSpPr>
            <a:spLocks noGrp="1"/>
          </p:cNvSpPr>
          <p:nvPr>
            <p:ph type="sldNum" sz="quarter" idx="5"/>
          </p:nvPr>
        </p:nvSpPr>
        <p:spPr/>
        <p:txBody>
          <a:bodyPr/>
          <a:lstStyle/>
          <a:p>
            <a:fld id="{D606B4CE-843A-4275-8506-95EBF11F9305}" type="slidenum">
              <a:rPr lang="en-US" smtClean="0"/>
              <a:t>5</a:t>
            </a:fld>
            <a:endParaRPr lang="en-US"/>
          </a:p>
        </p:txBody>
      </p:sp>
    </p:spTree>
    <p:extLst>
      <p:ext uri="{BB962C8B-B14F-4D97-AF65-F5344CB8AC3E}">
        <p14:creationId xmlns:p14="http://schemas.microsoft.com/office/powerpoint/2010/main" val="18017522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cs typeface="Calibri"/>
              </a:rPr>
              <a:t>- RTK GPS: Real Time Kinematic GPS: takes normal signals from GNSS along with correction stream to achieve positional accuracy</a:t>
            </a:r>
          </a:p>
          <a:p>
            <a:r>
              <a:rPr lang="en-US" b="1">
                <a:cs typeface="Calibri"/>
              </a:rPr>
              <a:t>- GNSS (Global Navigation Satellite System): GPS, GLONASS, </a:t>
            </a:r>
            <a:r>
              <a:rPr lang="en-US" b="1" err="1">
                <a:cs typeface="Calibri"/>
              </a:rPr>
              <a:t>Galilelo</a:t>
            </a:r>
            <a:r>
              <a:rPr lang="en-US" b="1">
                <a:cs typeface="Calibri"/>
              </a:rPr>
              <a:t>, </a:t>
            </a:r>
            <a:r>
              <a:rPr lang="en-US" b="1" err="1">
                <a:cs typeface="Calibri"/>
              </a:rPr>
              <a:t>BeiDou</a:t>
            </a:r>
            <a:endParaRPr lang="en-US" b="1">
              <a:cs typeface="Calibri"/>
            </a:endParaRPr>
          </a:p>
          <a:p>
            <a:r>
              <a:rPr lang="en-US">
                <a:cs typeface="Calibri"/>
              </a:rPr>
              <a:t>- RTK receiver takes in RTCM (Radio Technical Commission for Maritime) corrections and calculates our location in real time </a:t>
            </a:r>
          </a:p>
          <a:p>
            <a:r>
              <a:rPr lang="en-US">
                <a:cs typeface="Calibri"/>
              </a:rPr>
              <a:t>- RTCM provides differential corrections information for calculating our location/position</a:t>
            </a:r>
            <a:endParaRPr lang="en-US"/>
          </a:p>
          <a:p>
            <a:endParaRPr lang="en-US">
              <a:cs typeface="Calibri"/>
            </a:endParaRPr>
          </a:p>
          <a:p>
            <a:r>
              <a:rPr lang="en-US" b="1">
                <a:cs typeface="Calibri"/>
              </a:rPr>
              <a:t>- For our drone, using 2 GPS receivers: base and a rover receiver</a:t>
            </a:r>
          </a:p>
          <a:p>
            <a:r>
              <a:rPr lang="en-US" b="1">
                <a:cs typeface="Calibri"/>
              </a:rPr>
              <a:t>- Base receiver: takes measurements from satellites in view &amp; broadcasts them, together with its location, to the rover receiver </a:t>
            </a:r>
          </a:p>
          <a:p>
            <a:r>
              <a:rPr lang="en-US" b="1">
                <a:cs typeface="Calibri"/>
              </a:rPr>
              <a:t>- Rover receiver also collects measurements to satellites in view &amp; processes them with the base state data</a:t>
            </a:r>
          </a:p>
          <a:p>
            <a:r>
              <a:rPr lang="en-US" b="1">
                <a:cs typeface="Calibri"/>
              </a:rPr>
              <a:t>- Rover then estimates its location relative to the base station</a:t>
            </a:r>
          </a:p>
          <a:p>
            <a:r>
              <a:rPr lang="en-US" b="1">
                <a:cs typeface="Calibri"/>
              </a:rPr>
              <a:t>- We will base our accuracy through testing</a:t>
            </a:r>
            <a:endParaRPr lang="en-US" b="1" dirty="0">
              <a:cs typeface="Calibri"/>
            </a:endParaRPr>
          </a:p>
          <a:p>
            <a:endParaRPr lang="en-US">
              <a:cs typeface="Calibri"/>
            </a:endParaRPr>
          </a:p>
          <a:p>
            <a:r>
              <a:rPr lang="en-US" b="1">
                <a:cs typeface="Calibri"/>
              </a:rPr>
              <a:t>- with RTK, there is a vertical positioning accuracy also 10mm</a:t>
            </a:r>
          </a:p>
          <a:p>
            <a:r>
              <a:rPr lang="en-US" b="1">
                <a:cs typeface="Calibri"/>
              </a:rPr>
              <a:t>- without RTK, there isn't even an option for vertical positioning accuracy</a:t>
            </a:r>
          </a:p>
        </p:txBody>
      </p:sp>
      <p:sp>
        <p:nvSpPr>
          <p:cNvPr id="4" name="Slide Number Placeholder 3"/>
          <p:cNvSpPr>
            <a:spLocks noGrp="1"/>
          </p:cNvSpPr>
          <p:nvPr>
            <p:ph type="sldNum" sz="quarter" idx="5"/>
          </p:nvPr>
        </p:nvSpPr>
        <p:spPr/>
        <p:txBody>
          <a:bodyPr/>
          <a:lstStyle/>
          <a:p>
            <a:fld id="{D606B4CE-843A-4275-8506-95EBF11F9305}" type="slidenum">
              <a:rPr lang="en-US"/>
              <a:t>9</a:t>
            </a:fld>
            <a:endParaRPr lang="en-US"/>
          </a:p>
        </p:txBody>
      </p:sp>
    </p:spTree>
    <p:extLst>
      <p:ext uri="{BB962C8B-B14F-4D97-AF65-F5344CB8AC3E}">
        <p14:creationId xmlns:p14="http://schemas.microsoft.com/office/powerpoint/2010/main" val="34183641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 Creating a script in </a:t>
            </a:r>
            <a:r>
              <a:rPr lang="en-US" err="1">
                <a:cs typeface="Calibri"/>
              </a:rPr>
              <a:t>opencv</a:t>
            </a:r>
            <a:r>
              <a:rPr lang="en-US">
                <a:cs typeface="Calibri"/>
              </a:rPr>
              <a:t>, a computer vision python library, is how we will be able to allow for the drone to move based on the detection of a target area.</a:t>
            </a:r>
          </a:p>
          <a:p>
            <a:r>
              <a:rPr lang="en-US">
                <a:cs typeface="Calibri"/>
              </a:rPr>
              <a:t>- Flight deck design that we have been utilizing was from the last group, but we will be creating a new platform based on the design from the previous in order to improve upon issues that exist in the current design. </a:t>
            </a:r>
            <a:endParaRPr lang="en-US"/>
          </a:p>
          <a:p>
            <a:r>
              <a:rPr lang="en-US">
                <a:cs typeface="Calibri"/>
              </a:rPr>
              <a:t>- In order to detect a platform, we will be utilizing an algorithm for image processing which will allow for the platform to be identified so that the proper movements of the drone can take place. Currently, we have achieved shape detection through use of contours. This can work, but it may be too difficult a route in order to achieve our end goals. Research is ongoing into which algorithm we will be using to create our script.  </a:t>
            </a:r>
          </a:p>
          <a:p>
            <a:r>
              <a:rPr lang="en-US">
                <a:cs typeface="Calibri"/>
              </a:rPr>
              <a:t>- Inputs from the code from </a:t>
            </a:r>
            <a:r>
              <a:rPr lang="en-US" err="1">
                <a:cs typeface="Calibri"/>
              </a:rPr>
              <a:t>opencv</a:t>
            </a:r>
            <a:r>
              <a:rPr lang="en-US">
                <a:cs typeface="Calibri"/>
              </a:rPr>
              <a:t> (desired direction the drone needs to move based on detection of platform), translated over a </a:t>
            </a:r>
            <a:r>
              <a:rPr lang="en-US" err="1">
                <a:cs typeface="Calibri"/>
              </a:rPr>
              <a:t>mavlink</a:t>
            </a:r>
            <a:r>
              <a:rPr lang="en-US">
                <a:cs typeface="Calibri"/>
              </a:rPr>
              <a:t> command to output yaw, pitch, and roll of drone via serial connection to controller to send and receive the data. Research is ongoing into methods by which we can most efficiently establish this communication.</a:t>
            </a:r>
          </a:p>
          <a:p>
            <a:r>
              <a:rPr lang="en-US">
                <a:cs typeface="Calibri"/>
              </a:rPr>
              <a:t>- We have been able to get camera feed in our testing environment which allows for us to change multiple variables such as brightness, cloud/simulated weather, shadows, etc. Additionally we can upload our own image of a landing pad, this will allow us to complete further tests in the testing environment to mitigate issues in our methods before completing tests during flight days.</a:t>
            </a:r>
          </a:p>
        </p:txBody>
      </p:sp>
      <p:sp>
        <p:nvSpPr>
          <p:cNvPr id="4" name="Slide Number Placeholder 3"/>
          <p:cNvSpPr>
            <a:spLocks noGrp="1"/>
          </p:cNvSpPr>
          <p:nvPr>
            <p:ph type="sldNum" sz="quarter" idx="5"/>
          </p:nvPr>
        </p:nvSpPr>
        <p:spPr/>
        <p:txBody>
          <a:bodyPr/>
          <a:lstStyle/>
          <a:p>
            <a:fld id="{D606B4CE-843A-4275-8506-95EBF11F9305}" type="slidenum">
              <a:rPr lang="en-US"/>
              <a:t>10</a:t>
            </a:fld>
            <a:endParaRPr lang="en-US"/>
          </a:p>
        </p:txBody>
      </p:sp>
    </p:spTree>
    <p:extLst>
      <p:ext uri="{BB962C8B-B14F-4D97-AF65-F5344CB8AC3E}">
        <p14:creationId xmlns:p14="http://schemas.microsoft.com/office/powerpoint/2010/main" val="35064744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We created the algorithm to work perfectly within the lab environment and lighting</a:t>
            </a:r>
          </a:p>
          <a:p>
            <a:r>
              <a:rPr lang="en-US">
                <a:cs typeface="Calibri"/>
              </a:rPr>
              <a:t>-Centroid use to find directions. We are going to compare the centroid to the center of the screen and then use that difference to tell the drone where to go and use the controller</a:t>
            </a:r>
          </a:p>
          <a:p>
            <a:r>
              <a:rPr lang="en-US">
                <a:cs typeface="Calibri"/>
              </a:rPr>
              <a:t>-72.6%</a:t>
            </a:r>
          </a:p>
        </p:txBody>
      </p:sp>
      <p:sp>
        <p:nvSpPr>
          <p:cNvPr id="4" name="Slide Number Placeholder 3"/>
          <p:cNvSpPr>
            <a:spLocks noGrp="1"/>
          </p:cNvSpPr>
          <p:nvPr>
            <p:ph type="sldNum" sz="quarter" idx="5"/>
          </p:nvPr>
        </p:nvSpPr>
        <p:spPr/>
        <p:txBody>
          <a:bodyPr/>
          <a:lstStyle/>
          <a:p>
            <a:fld id="{D606B4CE-843A-4275-8506-95EBF11F9305}" type="slidenum">
              <a:rPr lang="en-US"/>
              <a:t>11</a:t>
            </a:fld>
            <a:endParaRPr lang="en-US"/>
          </a:p>
        </p:txBody>
      </p:sp>
    </p:spTree>
    <p:extLst>
      <p:ext uri="{BB962C8B-B14F-4D97-AF65-F5344CB8AC3E}">
        <p14:creationId xmlns:p14="http://schemas.microsoft.com/office/powerpoint/2010/main" val="292256182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 Were not as successful as we would have hoped as you can see. The mask however did do a fairly good job at detecting the outside of the shapes which has led us to believe that the issue is with our color values. The video quality is also poor and we had issues with saving video a file format which could also be it.</a:t>
            </a:r>
          </a:p>
          <a:p>
            <a:r>
              <a:rPr lang="en-US">
                <a:cs typeface="Calibri"/>
              </a:rPr>
              <a:t>-We were unable to do quantitative testing outside due to unforeseen issues with saving the video and file formatting.</a:t>
            </a:r>
          </a:p>
          <a:p>
            <a:r>
              <a:rPr lang="en-US">
                <a:cs typeface="Calibri"/>
              </a:rPr>
              <a:t>-We want to refine color values based off of weather</a:t>
            </a:r>
          </a:p>
          <a:p>
            <a:r>
              <a:rPr lang="en-US">
                <a:cs typeface="Calibri"/>
              </a:rPr>
              <a:t>-We want to make tape less reflective</a:t>
            </a:r>
          </a:p>
          <a:p>
            <a:r>
              <a:rPr lang="en-US">
                <a:cs typeface="Calibri"/>
              </a:rPr>
              <a:t>-We want to try again after making these changes and fixing the simple file format </a:t>
            </a:r>
          </a:p>
          <a:p>
            <a:r>
              <a:rPr lang="en-US">
                <a:cs typeface="Calibri"/>
              </a:rPr>
              <a:t>-If those changes don't work, then we do have the possibility of switching to a different a higher resolution camera but that brings it's own slew of challenges should we decide to go that route.</a:t>
            </a:r>
          </a:p>
        </p:txBody>
      </p:sp>
      <p:sp>
        <p:nvSpPr>
          <p:cNvPr id="4" name="Slide Number Placeholder 3"/>
          <p:cNvSpPr>
            <a:spLocks noGrp="1"/>
          </p:cNvSpPr>
          <p:nvPr>
            <p:ph type="sldNum" sz="quarter" idx="5"/>
          </p:nvPr>
        </p:nvSpPr>
        <p:spPr/>
        <p:txBody>
          <a:bodyPr/>
          <a:lstStyle/>
          <a:p>
            <a:fld id="{D606B4CE-843A-4275-8506-95EBF11F9305}" type="slidenum">
              <a:rPr lang="en-US"/>
              <a:t>12</a:t>
            </a:fld>
            <a:endParaRPr lang="en-US"/>
          </a:p>
        </p:txBody>
      </p:sp>
    </p:spTree>
    <p:extLst>
      <p:ext uri="{BB962C8B-B14F-4D97-AF65-F5344CB8AC3E}">
        <p14:creationId xmlns:p14="http://schemas.microsoft.com/office/powerpoint/2010/main" val="98216158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1. So, to conclude our presentation, we wanted to mark where we stood in our Capstone Development process as a whole.</a:t>
            </a:r>
          </a:p>
          <a:p>
            <a:endParaRPr lang="en-US"/>
          </a:p>
          <a:p>
            <a:r>
              <a:rPr lang="en-US"/>
              <a:t>2. Examining those four distinct workflows – our physical platform or the drone itself, the flight controller, localization resources including RTK, and computer vision – we have made progress at varying rates and are at stages of varying completeness.</a:t>
            </a:r>
          </a:p>
          <a:p>
            <a:endParaRPr lang="en-US"/>
          </a:p>
          <a:p>
            <a:r>
              <a:rPr lang="en-US"/>
              <a:t>3. With respect to the physical drone, we do indeed have a completed drone capable, at this time, of stable manual flight and landing. Requirements such as buoyancy of the drone as well as payload delivery are either nearly complete or very near in our future. Small improvements are expected to be made, but soon we will mark a transition from enabling flight – be that autonomous or manual flight – to optimizing our design in stability, weight, and other physical factors.</a:t>
            </a:r>
          </a:p>
          <a:p>
            <a:endParaRPr lang="en-US"/>
          </a:p>
          <a:p>
            <a:r>
              <a:rPr lang="en-US"/>
              <a:t>4. Our flight controller workflow works in conjunction with many of the others. At this point, our flight controller supports our existing frameworks. However, in the future, we foresee that PX4 will more and more gain responsibility in enabling autonomous flight and landing.</a:t>
            </a:r>
          </a:p>
          <a:p>
            <a:endParaRPr lang="en-US"/>
          </a:p>
          <a:p>
            <a:r>
              <a:rPr lang="en-US"/>
              <a:t>5. Our localization or positioning workflow is by far the shortest workflow and is rapidly nearing its end. As development continues, RTK will become a critical component in ensuring that we have the resources we need to meet our requirements – especially with respect to autonomous landing and landing on the ASV where centimeters will certainly matter.</a:t>
            </a:r>
          </a:p>
          <a:p>
            <a:endParaRPr lang="en-US"/>
          </a:p>
          <a:p>
            <a:r>
              <a:rPr lang="en-US"/>
              <a:t>6. Finally, our computer vision workflow. Our computer vision workflow is a continuing development and will see progress well into the spring semester. While tasks have been accomplished, the state of computer vision when applied to field tests is ultimately not acceptable at this point. Improvements to the script reliability are key and, in order to best enable us to make those improvements, software in the loop testing should be implemented as soon as possible.</a:t>
            </a:r>
          </a:p>
          <a:p>
            <a:endParaRPr lang="en-US"/>
          </a:p>
          <a:p>
            <a:r>
              <a:rPr lang="en-US"/>
              <a:t>7. With each of these things in mind, we would like to now open to any questions. Thank you!</a:t>
            </a:r>
          </a:p>
        </p:txBody>
      </p:sp>
      <p:sp>
        <p:nvSpPr>
          <p:cNvPr id="4" name="Slide Number Placeholder 3"/>
          <p:cNvSpPr>
            <a:spLocks noGrp="1"/>
          </p:cNvSpPr>
          <p:nvPr>
            <p:ph type="sldNum" sz="quarter" idx="5"/>
          </p:nvPr>
        </p:nvSpPr>
        <p:spPr/>
        <p:txBody>
          <a:bodyPr/>
          <a:lstStyle/>
          <a:p>
            <a:fld id="{D606B4CE-843A-4275-8506-95EBF11F9305}" type="slidenum">
              <a:rPr lang="en-US" smtClean="0"/>
              <a:t>13</a:t>
            </a:fld>
            <a:endParaRPr lang="en-US"/>
          </a:p>
        </p:txBody>
      </p:sp>
    </p:spTree>
    <p:extLst>
      <p:ext uri="{BB962C8B-B14F-4D97-AF65-F5344CB8AC3E}">
        <p14:creationId xmlns:p14="http://schemas.microsoft.com/office/powerpoint/2010/main" val="3426779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DC2BD5-3B1C-4AA4-9BD0-7EEC1A11ADEE}"/>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F14FB1E0-DBCC-4E85-A14B-02331EF55D39}"/>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A0CCBBE8-9BF5-45C9-AE6B-25710A8DB4EB}"/>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5" name="Footer Placeholder 4">
            <a:extLst>
              <a:ext uri="{FF2B5EF4-FFF2-40B4-BE49-F238E27FC236}">
                <a16:creationId xmlns:a16="http://schemas.microsoft.com/office/drawing/2014/main" id="{3CBEB0F9-E62D-4AD3-B979-0DF9D4FF70E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64F947D-FDED-4E10-AEEF-491A7459DDF8}"/>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408961147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02E733-EC76-481D-AB2A-C82C2003DEF9}"/>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5369D76C-5DC7-41FB-B044-4EAE084FF9F7}"/>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19B6B9C-16BA-41D2-89AA-FCC0D4808DC2}"/>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5" name="Footer Placeholder 4">
            <a:extLst>
              <a:ext uri="{FF2B5EF4-FFF2-40B4-BE49-F238E27FC236}">
                <a16:creationId xmlns:a16="http://schemas.microsoft.com/office/drawing/2014/main" id="{C9DB464C-DDB3-45DB-B03B-49B8D2B907B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4DB5EB9-BFD7-41BA-91B7-D5C1DF259858}"/>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163752871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B756706-F5FB-46E9-AA34-1B046C086270}"/>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3E095FEE-8596-4AA9-A580-897A3CA5EE79}"/>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C296548-A099-454F-AFD4-479A170F0C63}"/>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5" name="Footer Placeholder 4">
            <a:extLst>
              <a:ext uri="{FF2B5EF4-FFF2-40B4-BE49-F238E27FC236}">
                <a16:creationId xmlns:a16="http://schemas.microsoft.com/office/drawing/2014/main" id="{8B268A62-A7C1-4D70-8604-3FA83AFC49B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D29E9F8-B67E-40AE-BE02-B8EAE5846B6B}"/>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365342463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FA55D2-80E1-435B-ADA3-2CE566CCB6F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096A5E07-EE19-4956-8E06-6075CC8E355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FDA6360D-3E67-44CB-A693-D7F81A91B4C7}"/>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5" name="Footer Placeholder 4">
            <a:extLst>
              <a:ext uri="{FF2B5EF4-FFF2-40B4-BE49-F238E27FC236}">
                <a16:creationId xmlns:a16="http://schemas.microsoft.com/office/drawing/2014/main" id="{C1B4DA3C-3C72-4A10-9A3B-1006EAE5B69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6A0B9AE-CD87-4D33-8F16-475A14A34E1E}"/>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367952941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60FBAA1-6E91-42C8-87EC-EFF251453515}"/>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FC6D7EE0-AD46-45E2-9A6C-587F414CF316}"/>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93E1997D-9116-488B-BBE3-2AF9477DFCF6}"/>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5" name="Footer Placeholder 4">
            <a:extLst>
              <a:ext uri="{FF2B5EF4-FFF2-40B4-BE49-F238E27FC236}">
                <a16:creationId xmlns:a16="http://schemas.microsoft.com/office/drawing/2014/main" id="{E4426E28-6F8A-4989-A7DE-45F1A06CFA5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A5A626C-8060-4334-9170-EE2B53527263}"/>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334328655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B15CF6-E777-4B5C-963D-2C68CAA6AFBD}"/>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676F4447-6A57-4A71-9C06-711000B2B9F0}"/>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4E8103CB-3262-41C2-AC5C-730400B59136}"/>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6446AF9E-B878-42B9-998D-21622274CAF5}"/>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6" name="Footer Placeholder 5">
            <a:extLst>
              <a:ext uri="{FF2B5EF4-FFF2-40B4-BE49-F238E27FC236}">
                <a16:creationId xmlns:a16="http://schemas.microsoft.com/office/drawing/2014/main" id="{F27DCD9A-ED9F-47AD-80FD-B1B24F313021}"/>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2CDFA124-3633-430C-895A-BF82464703E0}"/>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11638306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6B4C28-EC5F-4081-B8A3-E924437C7E5D}"/>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91661089-D3C5-4929-8CD7-E3F6E75A3246}"/>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FD90805D-7CE4-47AA-9212-8FD06D192DF7}"/>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86A2E3F-CADF-44AB-97F1-44392277B6FA}"/>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51CD30EE-59E9-4BC0-A329-8CCD6266BC8F}"/>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CE970DD7-7F13-4503-B67A-C9EA4D6E9306}"/>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8" name="Footer Placeholder 7">
            <a:extLst>
              <a:ext uri="{FF2B5EF4-FFF2-40B4-BE49-F238E27FC236}">
                <a16:creationId xmlns:a16="http://schemas.microsoft.com/office/drawing/2014/main" id="{D3E26053-9FF5-4927-8D83-BF2C2E545229}"/>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24A11055-852E-4F82-8064-1516AB1A73AC}"/>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351772599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70661E-96C8-4DEA-B671-2157523E03B0}"/>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0F1E8478-6A8C-4758-BA06-769A29AACF5D}"/>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4" name="Footer Placeholder 3">
            <a:extLst>
              <a:ext uri="{FF2B5EF4-FFF2-40B4-BE49-F238E27FC236}">
                <a16:creationId xmlns:a16="http://schemas.microsoft.com/office/drawing/2014/main" id="{C4D34FEB-8C94-4FDF-9C53-645945AEF76A}"/>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FF0776A4-2F48-4898-ADD6-5F3F16A6BA2E}"/>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4867243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8C69E57-D616-4C39-9AA2-711A97B9A0B2}"/>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3" name="Footer Placeholder 2">
            <a:extLst>
              <a:ext uri="{FF2B5EF4-FFF2-40B4-BE49-F238E27FC236}">
                <a16:creationId xmlns:a16="http://schemas.microsoft.com/office/drawing/2014/main" id="{A734701C-9350-4AF5-B997-1850E4181D98}"/>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B4F0527D-58F5-4A53-907E-BBF34CA135C8}"/>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217718076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50784B-D4FA-4D25-AF52-2EF025A9F9A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A8098C6E-B45C-48B3-BD80-3F9F8D5CF91D}"/>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4151E194-C729-4DD4-9CAB-68161F72C4D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20F58529-BB61-4B7E-BD5A-F9927ABACC53}"/>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6" name="Footer Placeholder 5">
            <a:extLst>
              <a:ext uri="{FF2B5EF4-FFF2-40B4-BE49-F238E27FC236}">
                <a16:creationId xmlns:a16="http://schemas.microsoft.com/office/drawing/2014/main" id="{CFD2E437-84E2-4CBF-A75D-1A99154B7733}"/>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4A7DBD97-2EDF-45B2-B35D-0CF9FD62210C}"/>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324274932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BFDFCD-DC16-4DFD-B58B-802B2C1F6B4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1FEE5AF8-63D6-45A6-AB6B-3EB05BCB14E5}"/>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B8FE36E4-FC87-432D-BC36-9F8671F43401}"/>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BD46E72-E5B5-4D16-9EF8-8FB662D0919E}"/>
              </a:ext>
            </a:extLst>
          </p:cNvPr>
          <p:cNvSpPr>
            <a:spLocks noGrp="1"/>
          </p:cNvSpPr>
          <p:nvPr>
            <p:ph type="dt" sz="half" idx="10"/>
          </p:nvPr>
        </p:nvSpPr>
        <p:spPr/>
        <p:txBody>
          <a:bodyPr/>
          <a:lstStyle/>
          <a:p>
            <a:fld id="{12A10E1D-8832-4EB4-AC4D-EB9DB136727F}" type="datetimeFigureOut">
              <a:rPr lang="en-US" smtClean="0"/>
              <a:t>11/12/2021</a:t>
            </a:fld>
            <a:endParaRPr lang="en-US"/>
          </a:p>
        </p:txBody>
      </p:sp>
      <p:sp>
        <p:nvSpPr>
          <p:cNvPr id="6" name="Footer Placeholder 5">
            <a:extLst>
              <a:ext uri="{FF2B5EF4-FFF2-40B4-BE49-F238E27FC236}">
                <a16:creationId xmlns:a16="http://schemas.microsoft.com/office/drawing/2014/main" id="{FC30229F-1A83-4966-9FDA-E695DB3F5473}"/>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81E50CC-C00C-4D16-9636-99C51C28A96F}"/>
              </a:ext>
            </a:extLst>
          </p:cNvPr>
          <p:cNvSpPr>
            <a:spLocks noGrp="1"/>
          </p:cNvSpPr>
          <p:nvPr>
            <p:ph type="sldNum" sz="quarter" idx="12"/>
          </p:nvPr>
        </p:nvSpPr>
        <p:spPr/>
        <p:txBody>
          <a:bodyPr/>
          <a:lstStyle/>
          <a:p>
            <a:fld id="{2FD270D1-AC58-4EFA-8F29-5239E62F784D}" type="slidenum">
              <a:rPr lang="en-US" smtClean="0"/>
              <a:t>‹#›</a:t>
            </a:fld>
            <a:endParaRPr lang="en-US"/>
          </a:p>
        </p:txBody>
      </p:sp>
    </p:spTree>
    <p:extLst>
      <p:ext uri="{BB962C8B-B14F-4D97-AF65-F5344CB8AC3E}">
        <p14:creationId xmlns:p14="http://schemas.microsoft.com/office/powerpoint/2010/main" val="224652888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gradFill flip="none" rotWithShape="1">
          <a:gsLst>
            <a:gs pos="0">
              <a:schemeClr val="bg1"/>
            </a:gs>
            <a:gs pos="100000">
              <a:srgbClr val="D3DEF1"/>
            </a:gs>
          </a:gsLst>
          <a:lin ang="5400000" scaled="1"/>
          <a:tileRect/>
        </a:gra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5C43EC0-3718-4240-B604-880358A739A6}"/>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E5364FEF-6C34-45D9-8B5F-1FB55DBCEDD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D25E779-DA89-42C6-9CE8-6007D939E2D6}"/>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2A10E1D-8832-4EB4-AC4D-EB9DB136727F}" type="datetimeFigureOut">
              <a:rPr lang="en-US" smtClean="0"/>
              <a:t>11/12/2021</a:t>
            </a:fld>
            <a:endParaRPr lang="en-US"/>
          </a:p>
        </p:txBody>
      </p:sp>
      <p:sp>
        <p:nvSpPr>
          <p:cNvPr id="5" name="Footer Placeholder 4">
            <a:extLst>
              <a:ext uri="{FF2B5EF4-FFF2-40B4-BE49-F238E27FC236}">
                <a16:creationId xmlns:a16="http://schemas.microsoft.com/office/drawing/2014/main" id="{7898D6BD-764D-4936-A493-47294E7AC133}"/>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6994B376-35B9-4A25-A88A-8EEF567A47F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FD270D1-AC58-4EFA-8F29-5239E62F784D}" type="slidenum">
              <a:rPr lang="en-US" smtClean="0"/>
              <a:t>‹#›</a:t>
            </a:fld>
            <a:endParaRPr lang="en-US"/>
          </a:p>
        </p:txBody>
      </p:sp>
    </p:spTree>
    <p:extLst>
      <p:ext uri="{BB962C8B-B14F-4D97-AF65-F5344CB8AC3E}">
        <p14:creationId xmlns:p14="http://schemas.microsoft.com/office/powerpoint/2010/main" val="247618874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 Id="rId5" Type="http://schemas.openxmlformats.org/officeDocument/2006/relationships/image" Target="../media/image4.png"/><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13.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54" Type="http://schemas.openxmlformats.org/officeDocument/2006/relationships/tags" Target="../tags/tag154.xml"/><Relationship Id="rId159" Type="http://schemas.openxmlformats.org/officeDocument/2006/relationships/tags" Target="../tags/tag159.xml"/><Relationship Id="rId175" Type="http://schemas.openxmlformats.org/officeDocument/2006/relationships/tags" Target="../tags/tag175.xml"/><Relationship Id="rId170" Type="http://schemas.openxmlformats.org/officeDocument/2006/relationships/tags" Target="../tags/tag170.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tags" Target="../tags/tag14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60" Type="http://schemas.openxmlformats.org/officeDocument/2006/relationships/tags" Target="../tags/tag160.xml"/><Relationship Id="rId165" Type="http://schemas.openxmlformats.org/officeDocument/2006/relationships/tags" Target="../tags/tag165.xml"/><Relationship Id="rId181" Type="http://schemas.openxmlformats.org/officeDocument/2006/relationships/tags" Target="../tags/tag181.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150" Type="http://schemas.openxmlformats.org/officeDocument/2006/relationships/tags" Target="../tags/tag150.xml"/><Relationship Id="rId155" Type="http://schemas.openxmlformats.org/officeDocument/2006/relationships/tags" Target="../tags/tag155.xml"/><Relationship Id="rId171" Type="http://schemas.openxmlformats.org/officeDocument/2006/relationships/tags" Target="../tags/tag171.xml"/><Relationship Id="rId176" Type="http://schemas.openxmlformats.org/officeDocument/2006/relationships/tags" Target="../tags/tag176.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40" Type="http://schemas.openxmlformats.org/officeDocument/2006/relationships/tags" Target="../tags/tag140.xml"/><Relationship Id="rId145" Type="http://schemas.openxmlformats.org/officeDocument/2006/relationships/tags" Target="../tags/tag145.xml"/><Relationship Id="rId161" Type="http://schemas.openxmlformats.org/officeDocument/2006/relationships/tags" Target="../tags/tag161.xml"/><Relationship Id="rId166" Type="http://schemas.openxmlformats.org/officeDocument/2006/relationships/tags" Target="../tags/tag166.xml"/><Relationship Id="rId182" Type="http://schemas.openxmlformats.org/officeDocument/2006/relationships/slideLayout" Target="../slideLayouts/slideLayout7.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tags" Target="../tags/tag135.xml"/><Relationship Id="rId151" Type="http://schemas.openxmlformats.org/officeDocument/2006/relationships/tags" Target="../tags/tag151.xml"/><Relationship Id="rId156" Type="http://schemas.openxmlformats.org/officeDocument/2006/relationships/tags" Target="../tags/tag156.xml"/><Relationship Id="rId177" Type="http://schemas.openxmlformats.org/officeDocument/2006/relationships/tags" Target="../tags/tag177.xml"/><Relationship Id="rId4" Type="http://schemas.openxmlformats.org/officeDocument/2006/relationships/tags" Target="../tags/tag4.xml"/><Relationship Id="rId9" Type="http://schemas.openxmlformats.org/officeDocument/2006/relationships/tags" Target="../tags/tag9.xml"/><Relationship Id="rId172" Type="http://schemas.openxmlformats.org/officeDocument/2006/relationships/tags" Target="../tags/tag172.xml"/><Relationship Id="rId180" Type="http://schemas.openxmlformats.org/officeDocument/2006/relationships/tags" Target="../tags/tag180.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167" Type="http://schemas.openxmlformats.org/officeDocument/2006/relationships/tags" Target="../tags/tag16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183" Type="http://schemas.openxmlformats.org/officeDocument/2006/relationships/notesSlide" Target="../notesSlides/notesSlide8.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73" Type="http://schemas.openxmlformats.org/officeDocument/2006/relationships/tags" Target="../tags/tag173.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image" Target="../media/image33.png"/><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79" Type="http://schemas.openxmlformats.org/officeDocument/2006/relationships/tags" Target="../tags/tag179.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comments" Target="../comments/comment1.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comments" Target="../comments/comment2.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2.xml"/><Relationship Id="rId4" Type="http://schemas.openxmlformats.org/officeDocument/2006/relationships/comments" Target="../comments/comment3.xml"/></Relationships>
</file>

<file path=ppt/slides/_rels/slide8.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5.png"/><Relationship Id="rId1" Type="http://schemas.openxmlformats.org/officeDocument/2006/relationships/slideLayout" Target="../slideLayouts/slideLayout2.xml"/><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comments" Target="../comments/commen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28428C-17C8-47F5-9231-3646DB93E7F0}"/>
              </a:ext>
            </a:extLst>
          </p:cNvPr>
          <p:cNvSpPr>
            <a:spLocks noGrp="1"/>
          </p:cNvSpPr>
          <p:nvPr>
            <p:ph type="ctrTitle"/>
          </p:nvPr>
        </p:nvSpPr>
        <p:spPr>
          <a:xfrm>
            <a:off x="1524000" y="2190996"/>
            <a:ext cx="9144000" cy="1769423"/>
          </a:xfrm>
        </p:spPr>
        <p:txBody>
          <a:bodyPr>
            <a:normAutofit fontScale="90000"/>
          </a:bodyPr>
          <a:lstStyle/>
          <a:p>
            <a:pPr>
              <a:lnSpc>
                <a:spcPct val="114000"/>
              </a:lnSpc>
            </a:pPr>
            <a:r>
              <a:rPr lang="en-US">
                <a:solidFill>
                  <a:schemeClr val="tx2"/>
                </a:solidFill>
                <a:latin typeface="Palatino Linotype" panose="02040502050505030304" pitchFamily="18" charset="0"/>
              </a:rPr>
              <a:t>Autonomous UAV Capstone</a:t>
            </a:r>
            <a:br>
              <a:rPr lang="en-US">
                <a:solidFill>
                  <a:schemeClr val="tx2"/>
                </a:solidFill>
                <a:latin typeface="Palatino Linotype" panose="02040502050505030304" pitchFamily="18" charset="0"/>
              </a:rPr>
            </a:br>
            <a:r>
              <a:rPr lang="en-US" sz="4400">
                <a:solidFill>
                  <a:schemeClr val="tx2"/>
                </a:solidFill>
                <a:latin typeface="Palatino Linotype" panose="02040502050505030304" pitchFamily="18" charset="0"/>
              </a:rPr>
              <a:t>Status Presentation II</a:t>
            </a:r>
            <a:endParaRPr lang="en-US">
              <a:solidFill>
                <a:schemeClr val="tx2"/>
              </a:solidFill>
              <a:latin typeface="Palatino Linotype" panose="02040502050505030304" pitchFamily="18" charset="0"/>
            </a:endParaRPr>
          </a:p>
        </p:txBody>
      </p:sp>
      <p:sp>
        <p:nvSpPr>
          <p:cNvPr id="3" name="Subtitle 2">
            <a:extLst>
              <a:ext uri="{FF2B5EF4-FFF2-40B4-BE49-F238E27FC236}">
                <a16:creationId xmlns:a16="http://schemas.microsoft.com/office/drawing/2014/main" id="{BA845908-0AB6-457F-88D4-F29C42355EB4}"/>
              </a:ext>
            </a:extLst>
          </p:cNvPr>
          <p:cNvSpPr>
            <a:spLocks noGrp="1"/>
          </p:cNvSpPr>
          <p:nvPr>
            <p:ph type="subTitle" idx="1"/>
          </p:nvPr>
        </p:nvSpPr>
        <p:spPr>
          <a:xfrm>
            <a:off x="2914402" y="4129416"/>
            <a:ext cx="6363195" cy="1214480"/>
          </a:xfrm>
        </p:spPr>
        <p:txBody>
          <a:bodyPr vert="horz" lIns="91440" tIns="45720" rIns="91440" bIns="45720" numCol="2" rtlCol="0" anchor="t">
            <a:normAutofit/>
          </a:bodyPr>
          <a:lstStyle/>
          <a:p>
            <a:r>
              <a:rPr lang="en-US" sz="2000">
                <a:solidFill>
                  <a:schemeClr val="tx2"/>
                </a:solidFill>
                <a:latin typeface="Palatino Linotype"/>
              </a:rPr>
              <a:t>1/c Domenico Bulone</a:t>
            </a:r>
          </a:p>
          <a:p>
            <a:r>
              <a:rPr lang="en-US" sz="2000">
                <a:solidFill>
                  <a:schemeClr val="tx2"/>
                </a:solidFill>
                <a:latin typeface="Palatino Linotype" panose="02040502050505030304" pitchFamily="18" charset="0"/>
              </a:rPr>
              <a:t>1/c Matthew Kim</a:t>
            </a:r>
            <a:endParaRPr lang="en-US" sz="2000">
              <a:ea typeface="+mn-lt"/>
              <a:cs typeface="+mn-lt"/>
            </a:endParaRPr>
          </a:p>
          <a:p>
            <a:r>
              <a:rPr lang="en-US" sz="2000">
                <a:solidFill>
                  <a:schemeClr val="tx2"/>
                </a:solidFill>
                <a:latin typeface="Palatino Linotype" panose="02040502050505030304" pitchFamily="18" charset="0"/>
              </a:rPr>
              <a:t>1/c Gavin McGahey</a:t>
            </a:r>
          </a:p>
          <a:p>
            <a:r>
              <a:rPr lang="en-US" sz="2000">
                <a:solidFill>
                  <a:schemeClr val="tx2"/>
                </a:solidFill>
                <a:latin typeface="Palatino Linotype" panose="02040502050505030304" pitchFamily="18" charset="0"/>
              </a:rPr>
              <a:t>1/c Cody Meyers</a:t>
            </a:r>
          </a:p>
          <a:p>
            <a:r>
              <a:rPr lang="en-US" sz="2000">
                <a:solidFill>
                  <a:schemeClr val="tx2"/>
                </a:solidFill>
                <a:latin typeface="Palatino Linotype" panose="02040502050505030304" pitchFamily="18" charset="0"/>
              </a:rPr>
              <a:t>1/c Jacob Schellman</a:t>
            </a:r>
          </a:p>
          <a:p>
            <a:r>
              <a:rPr lang="en-US" sz="2000">
                <a:solidFill>
                  <a:schemeClr val="tx2"/>
                </a:solidFill>
                <a:latin typeface="Palatino Linotype" panose="02040502050505030304" pitchFamily="18" charset="0"/>
              </a:rPr>
              <a:t>1/c Ryan Von Brock</a:t>
            </a:r>
          </a:p>
        </p:txBody>
      </p:sp>
      <p:pic>
        <p:nvPicPr>
          <p:cNvPr id="10" name="Picture 9" descr="Logo&#10;&#10;Description automatically generated">
            <a:extLst>
              <a:ext uri="{FF2B5EF4-FFF2-40B4-BE49-F238E27FC236}">
                <a16:creationId xmlns:a16="http://schemas.microsoft.com/office/drawing/2014/main" id="{A850B7A9-849A-4059-B803-9F2431785FC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76981" y="391202"/>
            <a:ext cx="1659609" cy="1665141"/>
          </a:xfrm>
          <a:prstGeom prst="rect">
            <a:avLst/>
          </a:prstGeom>
        </p:spPr>
      </p:pic>
      <p:sp>
        <p:nvSpPr>
          <p:cNvPr id="19" name="Subtitle 2">
            <a:extLst>
              <a:ext uri="{FF2B5EF4-FFF2-40B4-BE49-F238E27FC236}">
                <a16:creationId xmlns:a16="http://schemas.microsoft.com/office/drawing/2014/main" id="{2D24204F-91F1-4E1F-94A1-D78AFA81D999}"/>
              </a:ext>
            </a:extLst>
          </p:cNvPr>
          <p:cNvSpPr txBox="1">
            <a:spLocks/>
          </p:cNvSpPr>
          <p:nvPr/>
        </p:nvSpPr>
        <p:spPr>
          <a:xfrm>
            <a:off x="4737759" y="5512893"/>
            <a:ext cx="2716480" cy="415352"/>
          </a:xfrm>
          <a:prstGeom prst="rect">
            <a:avLst/>
          </a:prstGeom>
        </p:spPr>
        <p:txBody>
          <a:bodyPr vert="horz" lIns="91440" tIns="45720" rIns="91440" bIns="45720" numCol="1"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US" sz="2000">
                <a:solidFill>
                  <a:schemeClr val="tx2"/>
                </a:solidFill>
                <a:latin typeface="Palatino Linotype" panose="02040502050505030304" pitchFamily="18" charset="0"/>
              </a:rPr>
              <a:t>November 9</a:t>
            </a:r>
            <a:r>
              <a:rPr lang="en-US" sz="2000" baseline="30000">
                <a:solidFill>
                  <a:schemeClr val="tx2"/>
                </a:solidFill>
                <a:latin typeface="Palatino Linotype" panose="02040502050505030304" pitchFamily="18" charset="0"/>
              </a:rPr>
              <a:t>th</a:t>
            </a:r>
            <a:r>
              <a:rPr lang="en-US" sz="2000">
                <a:solidFill>
                  <a:schemeClr val="tx2"/>
                </a:solidFill>
                <a:latin typeface="Palatino Linotype" panose="02040502050505030304" pitchFamily="18" charset="0"/>
              </a:rPr>
              <a:t>, 2021</a:t>
            </a:r>
          </a:p>
        </p:txBody>
      </p:sp>
      <p:pic>
        <p:nvPicPr>
          <p:cNvPr id="16" name="Picture 15" descr="A picture containing text, ceramic ware, porcelain&#10;&#10;Description automatically generated">
            <a:extLst>
              <a:ext uri="{FF2B5EF4-FFF2-40B4-BE49-F238E27FC236}">
                <a16:creationId xmlns:a16="http://schemas.microsoft.com/office/drawing/2014/main" id="{C8C961E4-6915-4EDD-BCF3-2F6ACDE09B6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64260" y="391203"/>
            <a:ext cx="1665140" cy="1665140"/>
          </a:xfrm>
          <a:prstGeom prst="rect">
            <a:avLst/>
          </a:prstGeom>
        </p:spPr>
      </p:pic>
      <p:pic>
        <p:nvPicPr>
          <p:cNvPr id="18" name="Picture 17" descr="A picture containing text&#10;&#10;Description automatically generated">
            <a:extLst>
              <a:ext uri="{FF2B5EF4-FFF2-40B4-BE49-F238E27FC236}">
                <a16:creationId xmlns:a16="http://schemas.microsoft.com/office/drawing/2014/main" id="{F88CD8A7-0E1A-4EE8-92C4-866BF2D674B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457070" y="406217"/>
            <a:ext cx="1659609" cy="1650126"/>
          </a:xfrm>
          <a:prstGeom prst="rect">
            <a:avLst/>
          </a:prstGeom>
        </p:spPr>
      </p:pic>
      <p:pic>
        <p:nvPicPr>
          <p:cNvPr id="9" name="Picture 8" descr="Logo&#10;&#10;Description automatically generated">
            <a:extLst>
              <a:ext uri="{FF2B5EF4-FFF2-40B4-BE49-F238E27FC236}">
                <a16:creationId xmlns:a16="http://schemas.microsoft.com/office/drawing/2014/main" id="{45BAC49A-C5E6-47BF-9890-EAA72811B70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704164" y="331383"/>
            <a:ext cx="1799794" cy="1799794"/>
          </a:xfrm>
          <a:prstGeom prst="rect">
            <a:avLst/>
          </a:prstGeom>
        </p:spPr>
      </p:pic>
    </p:spTree>
    <p:extLst>
      <p:ext uri="{BB962C8B-B14F-4D97-AF65-F5344CB8AC3E}">
        <p14:creationId xmlns:p14="http://schemas.microsoft.com/office/powerpoint/2010/main" val="251010711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p:txBody>
          <a:bodyPr/>
          <a:lstStyle/>
          <a:p>
            <a:r>
              <a:rPr lang="en-US">
                <a:solidFill>
                  <a:schemeClr val="tx2"/>
                </a:solidFill>
                <a:latin typeface="Palatino Linotype" panose="02040502050505030304" pitchFamily="18" charset="0"/>
              </a:rPr>
              <a:t>PDR: Computer Vision</a:t>
            </a:r>
          </a:p>
        </p:txBody>
      </p:sp>
      <p:graphicFrame>
        <p:nvGraphicFramePr>
          <p:cNvPr id="20" name="Content Placeholder 2">
            <a:extLst>
              <a:ext uri="{FF2B5EF4-FFF2-40B4-BE49-F238E27FC236}">
                <a16:creationId xmlns:a16="http://schemas.microsoft.com/office/drawing/2014/main" id="{0789413C-64E7-4C71-AD25-1BE64FFB340D}"/>
              </a:ext>
            </a:extLst>
          </p:cNvPr>
          <p:cNvGraphicFramePr>
            <a:graphicFrameLocks noGrp="1"/>
          </p:cNvGraphicFramePr>
          <p:nvPr>
            <p:ph idx="1"/>
            <p:extLst>
              <p:ext uri="{D42A27DB-BD31-4B8C-83A1-F6EECF244321}">
                <p14:modId xmlns:p14="http://schemas.microsoft.com/office/powerpoint/2010/main" val="1636815010"/>
              </p:ext>
            </p:extLst>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83014397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p:txBody>
          <a:bodyPr/>
          <a:lstStyle/>
          <a:p>
            <a:r>
              <a:rPr lang="en-US">
                <a:solidFill>
                  <a:schemeClr val="tx2"/>
                </a:solidFill>
                <a:latin typeface="Palatino Linotype"/>
              </a:rPr>
              <a:t>PDR: Computer Vision Testing</a:t>
            </a:r>
            <a:endParaRPr lang="en-US">
              <a:solidFill>
                <a:schemeClr val="tx2"/>
              </a:solidFill>
              <a:latin typeface="Palatino Linotype" panose="02040502050505030304" pitchFamily="18" charset="0"/>
            </a:endParaRPr>
          </a:p>
        </p:txBody>
      </p:sp>
      <p:sp>
        <p:nvSpPr>
          <p:cNvPr id="6" name="Content Placeholder 5">
            <a:extLst>
              <a:ext uri="{FF2B5EF4-FFF2-40B4-BE49-F238E27FC236}">
                <a16:creationId xmlns:a16="http://schemas.microsoft.com/office/drawing/2014/main" id="{E274E5DA-7D4B-45D3-8000-E0B685B8F6B9}"/>
              </a:ext>
            </a:extLst>
          </p:cNvPr>
          <p:cNvSpPr>
            <a:spLocks noGrp="1"/>
          </p:cNvSpPr>
          <p:nvPr>
            <p:ph idx="1"/>
          </p:nvPr>
        </p:nvSpPr>
        <p:spPr/>
        <p:txBody>
          <a:bodyPr vert="horz" lIns="91440" tIns="45720" rIns="91440" bIns="45720" rtlCol="0" anchor="t">
            <a:normAutofit/>
          </a:bodyPr>
          <a:lstStyle/>
          <a:p>
            <a:pPr marL="342900" indent="-342900"/>
            <a:r>
              <a:rPr lang="en-US" sz="2000">
                <a:solidFill>
                  <a:schemeClr val="tx2"/>
                </a:solidFill>
                <a:latin typeface="Palatino Linotype"/>
              </a:rPr>
              <a:t>In-Lab Tests</a:t>
            </a:r>
          </a:p>
          <a:p>
            <a:pPr marL="342900" indent="-342900"/>
            <a:r>
              <a:rPr lang="en-US" sz="2000">
                <a:solidFill>
                  <a:schemeClr val="tx2"/>
                </a:solidFill>
                <a:latin typeface="Palatino Linotype"/>
              </a:rPr>
              <a:t>Detecting red rectangles and circles, finds centroids</a:t>
            </a:r>
          </a:p>
          <a:p>
            <a:pPr marL="342900" indent="-342900"/>
            <a:r>
              <a:rPr lang="en-US" sz="2000">
                <a:solidFill>
                  <a:schemeClr val="tx2"/>
                </a:solidFill>
                <a:latin typeface="Palatino Linotype"/>
                <a:cs typeface="Calibri"/>
              </a:rPr>
              <a:t>Frames vs. Number of Shapes</a:t>
            </a:r>
          </a:p>
          <a:p>
            <a:pPr marL="0" indent="0">
              <a:buNone/>
            </a:pPr>
            <a:endParaRPr lang="en-US">
              <a:cs typeface="Calibri"/>
            </a:endParaRPr>
          </a:p>
        </p:txBody>
      </p:sp>
      <p:pic>
        <p:nvPicPr>
          <p:cNvPr id="7" name="Picture 7">
            <a:extLst>
              <a:ext uri="{FF2B5EF4-FFF2-40B4-BE49-F238E27FC236}">
                <a16:creationId xmlns:a16="http://schemas.microsoft.com/office/drawing/2014/main" id="{A9E2138C-F0E0-48D6-8D94-29CC3C732FE4}"/>
              </a:ext>
            </a:extLst>
          </p:cNvPr>
          <p:cNvPicPr>
            <a:picLocks noChangeAspect="1"/>
          </p:cNvPicPr>
          <p:nvPr/>
        </p:nvPicPr>
        <p:blipFill>
          <a:blip r:embed="rId3"/>
          <a:stretch>
            <a:fillRect/>
          </a:stretch>
        </p:blipFill>
        <p:spPr>
          <a:xfrm>
            <a:off x="2288498" y="3428565"/>
            <a:ext cx="7615003" cy="2873984"/>
          </a:xfrm>
          <a:prstGeom prst="rect">
            <a:avLst/>
          </a:prstGeom>
        </p:spPr>
      </p:pic>
    </p:spTree>
    <p:extLst>
      <p:ext uri="{BB962C8B-B14F-4D97-AF65-F5344CB8AC3E}">
        <p14:creationId xmlns:p14="http://schemas.microsoft.com/office/powerpoint/2010/main" val="218241467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84A829B-2995-4F4A-B325-ADB0DF4EAA99}"/>
              </a:ext>
            </a:extLst>
          </p:cNvPr>
          <p:cNvSpPr>
            <a:spLocks noGrp="1"/>
          </p:cNvSpPr>
          <p:nvPr>
            <p:ph type="title"/>
          </p:nvPr>
        </p:nvSpPr>
        <p:spPr/>
        <p:txBody>
          <a:bodyPr/>
          <a:lstStyle/>
          <a:p>
            <a:r>
              <a:rPr lang="en-US">
                <a:solidFill>
                  <a:schemeClr val="tx2"/>
                </a:solidFill>
                <a:latin typeface="Palatino Linotype"/>
                <a:cs typeface="Calibri Light"/>
              </a:rPr>
              <a:t>PDR: Computer Vision Testing</a:t>
            </a:r>
          </a:p>
        </p:txBody>
      </p:sp>
      <p:sp>
        <p:nvSpPr>
          <p:cNvPr id="3" name="Content Placeholder 2">
            <a:extLst>
              <a:ext uri="{FF2B5EF4-FFF2-40B4-BE49-F238E27FC236}">
                <a16:creationId xmlns:a16="http://schemas.microsoft.com/office/drawing/2014/main" id="{285C5AC2-324B-4606-9B8E-B242CD80F10C}"/>
              </a:ext>
            </a:extLst>
          </p:cNvPr>
          <p:cNvSpPr>
            <a:spLocks noGrp="1"/>
          </p:cNvSpPr>
          <p:nvPr>
            <p:ph idx="1"/>
          </p:nvPr>
        </p:nvSpPr>
        <p:spPr/>
        <p:txBody>
          <a:bodyPr vert="horz" lIns="91440" tIns="45720" rIns="91440" bIns="45720" rtlCol="0" anchor="t">
            <a:normAutofit/>
          </a:bodyPr>
          <a:lstStyle/>
          <a:p>
            <a:endParaRPr lang="en-US" sz="3200">
              <a:solidFill>
                <a:schemeClr val="tx2"/>
              </a:solidFill>
              <a:latin typeface="Palatino Linotype"/>
            </a:endParaRPr>
          </a:p>
          <a:p>
            <a:r>
              <a:rPr lang="en-US" sz="3200">
                <a:solidFill>
                  <a:schemeClr val="tx2"/>
                </a:solidFill>
                <a:latin typeface="Palatino Linotype"/>
              </a:rPr>
              <a:t>Field tests not as successful</a:t>
            </a:r>
          </a:p>
          <a:p>
            <a:pPr marL="0" indent="0">
              <a:buNone/>
            </a:pPr>
            <a:endParaRPr lang="en-US" sz="3200">
              <a:solidFill>
                <a:schemeClr val="tx2"/>
              </a:solidFill>
              <a:latin typeface="Palatino Linotype"/>
            </a:endParaRPr>
          </a:p>
          <a:p>
            <a:r>
              <a:rPr lang="en-US" sz="3200">
                <a:solidFill>
                  <a:schemeClr val="tx2"/>
                </a:solidFill>
                <a:latin typeface="Palatino Linotype"/>
              </a:rPr>
              <a:t>Refine color values</a:t>
            </a:r>
          </a:p>
          <a:p>
            <a:pPr marL="0" indent="0">
              <a:buNone/>
            </a:pPr>
            <a:endParaRPr lang="en-US" sz="3200">
              <a:solidFill>
                <a:schemeClr val="tx2"/>
              </a:solidFill>
              <a:latin typeface="Palatino Linotype"/>
            </a:endParaRPr>
          </a:p>
          <a:p>
            <a:r>
              <a:rPr lang="en-US" sz="3200">
                <a:solidFill>
                  <a:schemeClr val="tx2"/>
                </a:solidFill>
                <a:latin typeface="Palatino Linotype"/>
              </a:rPr>
              <a:t>Upgrade camera</a:t>
            </a:r>
          </a:p>
          <a:p>
            <a:pPr marL="0" indent="0">
              <a:buNone/>
            </a:pPr>
            <a:endParaRPr lang="en-US">
              <a:latin typeface="Palatino Linotype"/>
              <a:cs typeface="Calibri"/>
            </a:endParaRPr>
          </a:p>
          <a:p>
            <a:pPr marL="0" indent="0">
              <a:buNone/>
            </a:pPr>
            <a:endParaRPr lang="en-US">
              <a:latin typeface="Palatino Linotype"/>
              <a:cs typeface="Calibri"/>
            </a:endParaRPr>
          </a:p>
          <a:p>
            <a:pPr marL="0" indent="0">
              <a:buNone/>
            </a:pPr>
            <a:endParaRPr lang="en-US">
              <a:latin typeface="Palatino Linotype"/>
              <a:cs typeface="Calibri"/>
            </a:endParaRPr>
          </a:p>
        </p:txBody>
      </p:sp>
      <p:pic>
        <p:nvPicPr>
          <p:cNvPr id="4" name="Picture 4" descr="A screenshot of a video game&#10;&#10;Description automatically generated">
            <a:extLst>
              <a:ext uri="{FF2B5EF4-FFF2-40B4-BE49-F238E27FC236}">
                <a16:creationId xmlns:a16="http://schemas.microsoft.com/office/drawing/2014/main" id="{59CA4A9E-3C92-44CF-B956-5FAF13E46620}"/>
              </a:ext>
            </a:extLst>
          </p:cNvPr>
          <p:cNvPicPr>
            <a:picLocks noChangeAspect="1"/>
          </p:cNvPicPr>
          <p:nvPr/>
        </p:nvPicPr>
        <p:blipFill rotWithShape="1">
          <a:blip r:embed="rId3"/>
          <a:srcRect l="6150" t="12551" r="20045" b="21862"/>
          <a:stretch/>
        </p:blipFill>
        <p:spPr>
          <a:xfrm>
            <a:off x="8409482" y="1907967"/>
            <a:ext cx="2992711" cy="1499221"/>
          </a:xfrm>
          <a:prstGeom prst="rect">
            <a:avLst/>
          </a:prstGeom>
        </p:spPr>
      </p:pic>
      <p:pic>
        <p:nvPicPr>
          <p:cNvPr id="5" name="Picture 5" descr="A picture containing text&#10;&#10;Description automatically generated">
            <a:extLst>
              <a:ext uri="{FF2B5EF4-FFF2-40B4-BE49-F238E27FC236}">
                <a16:creationId xmlns:a16="http://schemas.microsoft.com/office/drawing/2014/main" id="{75D328DD-C561-4864-8C08-5D1CD24B0E9B}"/>
              </a:ext>
            </a:extLst>
          </p:cNvPr>
          <p:cNvPicPr>
            <a:picLocks noChangeAspect="1"/>
          </p:cNvPicPr>
          <p:nvPr/>
        </p:nvPicPr>
        <p:blipFill rotWithShape="1">
          <a:blip r:embed="rId4"/>
          <a:srcRect t="810" r="32118" b="-405"/>
          <a:stretch/>
        </p:blipFill>
        <p:spPr>
          <a:xfrm>
            <a:off x="6098499" y="1889229"/>
            <a:ext cx="1862129" cy="1536803"/>
          </a:xfrm>
          <a:prstGeom prst="rect">
            <a:avLst/>
          </a:prstGeom>
        </p:spPr>
      </p:pic>
      <p:pic>
        <p:nvPicPr>
          <p:cNvPr id="6" name="Picture 6" descr="A screenshot of a video game&#10;&#10;Description automatically generated">
            <a:extLst>
              <a:ext uri="{FF2B5EF4-FFF2-40B4-BE49-F238E27FC236}">
                <a16:creationId xmlns:a16="http://schemas.microsoft.com/office/drawing/2014/main" id="{DE07006E-D0E5-42D0-B728-879023B9B92A}"/>
              </a:ext>
            </a:extLst>
          </p:cNvPr>
          <p:cNvPicPr>
            <a:picLocks noChangeAspect="1"/>
          </p:cNvPicPr>
          <p:nvPr/>
        </p:nvPicPr>
        <p:blipFill rotWithShape="1">
          <a:blip r:embed="rId5"/>
          <a:srcRect l="8656" t="17409" r="5011" b="17004"/>
          <a:stretch/>
        </p:blipFill>
        <p:spPr>
          <a:xfrm>
            <a:off x="8409482" y="3806721"/>
            <a:ext cx="3492541" cy="1499222"/>
          </a:xfrm>
          <a:prstGeom prst="rect">
            <a:avLst/>
          </a:prstGeom>
        </p:spPr>
      </p:pic>
      <p:pic>
        <p:nvPicPr>
          <p:cNvPr id="7" name="Picture 7" descr="A picture containing text, plastic&#10;&#10;Description automatically generated">
            <a:extLst>
              <a:ext uri="{FF2B5EF4-FFF2-40B4-BE49-F238E27FC236}">
                <a16:creationId xmlns:a16="http://schemas.microsoft.com/office/drawing/2014/main" id="{B2EF67D7-EA22-453F-8603-692987B58B25}"/>
              </a:ext>
            </a:extLst>
          </p:cNvPr>
          <p:cNvPicPr>
            <a:picLocks noChangeAspect="1"/>
          </p:cNvPicPr>
          <p:nvPr/>
        </p:nvPicPr>
        <p:blipFill rotWithShape="1">
          <a:blip r:embed="rId6"/>
          <a:srcRect r="28474" b="-405"/>
          <a:stretch/>
        </p:blipFill>
        <p:spPr>
          <a:xfrm>
            <a:off x="6048531" y="3781737"/>
            <a:ext cx="1962107" cy="1549297"/>
          </a:xfrm>
          <a:prstGeom prst="rect">
            <a:avLst/>
          </a:prstGeom>
        </p:spPr>
      </p:pic>
    </p:spTree>
    <p:extLst>
      <p:ext uri="{BB962C8B-B14F-4D97-AF65-F5344CB8AC3E}">
        <p14:creationId xmlns:p14="http://schemas.microsoft.com/office/powerpoint/2010/main" val="210310309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1" name="OTLSHAPE_SL_9cf0b9a3b4064869b9ae748fb5efbb51_BackgroundRectangle">
            <a:extLst>
              <a:ext uri="{FF2B5EF4-FFF2-40B4-BE49-F238E27FC236}">
                <a16:creationId xmlns:a16="http://schemas.microsoft.com/office/drawing/2014/main" id="{D42D8BE7-7C53-4B49-B22B-645D6CD9FAF8}"/>
              </a:ext>
            </a:extLst>
          </p:cNvPr>
          <p:cNvSpPr/>
          <p:nvPr>
            <p:custDataLst>
              <p:tags r:id="rId2"/>
            </p:custDataLst>
          </p:nvPr>
        </p:nvSpPr>
        <p:spPr>
          <a:xfrm>
            <a:off x="279400" y="2005690"/>
            <a:ext cx="11633200" cy="1103156"/>
          </a:xfrm>
          <a:prstGeom prst="rect">
            <a:avLst/>
          </a:prstGeom>
          <a:solidFill>
            <a:schemeClr val="accent1">
              <a:lumMod val="75000"/>
              <a:alpha val="14902"/>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OTLSHAPE_TB_00000000000000000000000000000000_LeftEndCaps" hidden="1">
            <a:extLst>
              <a:ext uri="{FF2B5EF4-FFF2-40B4-BE49-F238E27FC236}">
                <a16:creationId xmlns:a16="http://schemas.microsoft.com/office/drawing/2014/main" id="{3AA15ADF-0CA4-40B2-88D2-3F7A8150D711}"/>
              </a:ext>
            </a:extLst>
          </p:cNvPr>
          <p:cNvSpPr txBox="1"/>
          <p:nvPr>
            <p:custDataLst>
              <p:tags r:id="rId3"/>
            </p:custDataLst>
          </p:nvPr>
        </p:nvSpPr>
        <p:spPr>
          <a:xfrm>
            <a:off x="-404080" y="-95023"/>
            <a:ext cx="825500" cy="50800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1</a:t>
            </a:r>
          </a:p>
        </p:txBody>
      </p:sp>
      <p:sp>
        <p:nvSpPr>
          <p:cNvPr id="3" name="OTLSHAPE_TB_00000000000000000000000000000000_RightEndCaps" hidden="1">
            <a:extLst>
              <a:ext uri="{FF2B5EF4-FFF2-40B4-BE49-F238E27FC236}">
                <a16:creationId xmlns:a16="http://schemas.microsoft.com/office/drawing/2014/main" id="{0E7EFDB7-69FF-4A95-9834-B1E753E3FB1C}"/>
              </a:ext>
            </a:extLst>
          </p:cNvPr>
          <p:cNvSpPr txBox="1"/>
          <p:nvPr>
            <p:custDataLst>
              <p:tags r:id="rId4"/>
            </p:custDataLst>
          </p:nvPr>
        </p:nvSpPr>
        <p:spPr>
          <a:xfrm>
            <a:off x="-123" y="143504"/>
            <a:ext cx="38100" cy="2540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1</a:t>
            </a:r>
          </a:p>
        </p:txBody>
      </p:sp>
      <p:sp>
        <p:nvSpPr>
          <p:cNvPr id="399" name="OTLSHAPE_TB_00000000000000000000000000000000_ScaleContainer">
            <a:extLst>
              <a:ext uri="{FF2B5EF4-FFF2-40B4-BE49-F238E27FC236}">
                <a16:creationId xmlns:a16="http://schemas.microsoft.com/office/drawing/2014/main" id="{B40E23D8-B899-4E6E-9C06-E5AF1B20B733}"/>
              </a:ext>
            </a:extLst>
          </p:cNvPr>
          <p:cNvSpPr/>
          <p:nvPr>
            <p:custDataLst>
              <p:tags r:id="rId5"/>
            </p:custDataLst>
          </p:nvPr>
        </p:nvSpPr>
        <p:spPr>
          <a:xfrm>
            <a:off x="1498314" y="1509883"/>
            <a:ext cx="10414000" cy="381000"/>
          </a:xfrm>
          <a:prstGeom prst="rect">
            <a:avLst/>
          </a:prstGeom>
          <a:solidFill>
            <a:srgbClr val="40404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6" name="OTLSHAPE_SL_9cf0b9a3b4064869b9ae748fb5efbb51_HeaderRectangle">
            <a:extLst>
              <a:ext uri="{FF2B5EF4-FFF2-40B4-BE49-F238E27FC236}">
                <a16:creationId xmlns:a16="http://schemas.microsoft.com/office/drawing/2014/main" id="{25633857-B41D-4336-9D91-9BA5D9D9332B}"/>
              </a:ext>
            </a:extLst>
          </p:cNvPr>
          <p:cNvSpPr/>
          <p:nvPr>
            <p:custDataLst>
              <p:tags r:id="rId6"/>
            </p:custDataLst>
          </p:nvPr>
        </p:nvSpPr>
        <p:spPr>
          <a:xfrm>
            <a:off x="279400" y="2005689"/>
            <a:ext cx="1104900" cy="1104593"/>
          </a:xfrm>
          <a:prstGeom prst="rect">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44" name="OTLSHAPE_G_00000000000000000000000000000000_ShapeBelow0">
            <a:extLst>
              <a:ext uri="{FF2B5EF4-FFF2-40B4-BE49-F238E27FC236}">
                <a16:creationId xmlns:a16="http://schemas.microsoft.com/office/drawing/2014/main" id="{04DEF928-402E-4B91-BC37-50FEA08D0282}"/>
              </a:ext>
            </a:extLst>
          </p:cNvPr>
          <p:cNvCxnSpPr/>
          <p:nvPr>
            <p:custDataLst>
              <p:tags r:id="rId7"/>
            </p:custDataLst>
          </p:nvPr>
        </p:nvCxnSpPr>
        <p:spPr>
          <a:xfrm>
            <a:off x="4074772" y="1889570"/>
            <a:ext cx="0" cy="4645929"/>
          </a:xfrm>
          <a:prstGeom prst="line">
            <a:avLst/>
          </a:prstGeom>
          <a:ln w="9525"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G_00000000000000000000000000000000_ShapeBelow1">
            <a:extLst>
              <a:ext uri="{FF2B5EF4-FFF2-40B4-BE49-F238E27FC236}">
                <a16:creationId xmlns:a16="http://schemas.microsoft.com/office/drawing/2014/main" id="{28DD4EF5-B90E-4811-8256-E35966D50C34}"/>
              </a:ext>
            </a:extLst>
          </p:cNvPr>
          <p:cNvCxnSpPr/>
          <p:nvPr>
            <p:custDataLst>
              <p:tags r:id="rId8"/>
            </p:custDataLst>
          </p:nvPr>
        </p:nvCxnSpPr>
        <p:spPr>
          <a:xfrm>
            <a:off x="6668269" y="1889570"/>
            <a:ext cx="0" cy="4645929"/>
          </a:xfrm>
          <a:prstGeom prst="line">
            <a:avLst/>
          </a:prstGeom>
          <a:ln w="9525"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G_00000000000000000000000000000000_ShapeBelow2">
            <a:extLst>
              <a:ext uri="{FF2B5EF4-FFF2-40B4-BE49-F238E27FC236}">
                <a16:creationId xmlns:a16="http://schemas.microsoft.com/office/drawing/2014/main" id="{CFD70AC4-4C8C-43A5-9CDF-9982B911EFE9}"/>
              </a:ext>
            </a:extLst>
          </p:cNvPr>
          <p:cNvCxnSpPr/>
          <p:nvPr>
            <p:custDataLst>
              <p:tags r:id="rId9"/>
            </p:custDataLst>
          </p:nvPr>
        </p:nvCxnSpPr>
        <p:spPr>
          <a:xfrm>
            <a:off x="9290265" y="1889570"/>
            <a:ext cx="0" cy="4645929"/>
          </a:xfrm>
          <a:prstGeom prst="line">
            <a:avLst/>
          </a:prstGeom>
          <a:ln w="9525"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0" name="OTLSHAPE_TB_00000000000000000000000000000000_ElapsedTime" hidden="1">
            <a:extLst>
              <a:ext uri="{FF2B5EF4-FFF2-40B4-BE49-F238E27FC236}">
                <a16:creationId xmlns:a16="http://schemas.microsoft.com/office/drawing/2014/main" id="{3591C203-6925-498F-9FAF-E56DDF1A36DC}"/>
              </a:ext>
            </a:extLst>
          </p:cNvPr>
          <p:cNvSpPr/>
          <p:nvPr>
            <p:custDataLst>
              <p:tags r:id="rId10"/>
            </p:custDataLst>
          </p:nvPr>
        </p:nvSpPr>
        <p:spPr>
          <a:xfrm>
            <a:off x="0" y="0"/>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OTLSHAPE_SLT_1f3ecdb523214d1c858ab8fb12392a13_ShapePercentage" hidden="1">
            <a:extLst>
              <a:ext uri="{FF2B5EF4-FFF2-40B4-BE49-F238E27FC236}">
                <a16:creationId xmlns:a16="http://schemas.microsoft.com/office/drawing/2014/main" id="{A4703D4F-11F7-4703-BE00-55AB070AB809}"/>
              </a:ext>
            </a:extLst>
          </p:cNvPr>
          <p:cNvSpPr/>
          <p:nvPr>
            <p:custDataLst>
              <p:tags r:id="rId11"/>
            </p:custDataLst>
          </p:nvPr>
        </p:nvSpPr>
        <p:spPr>
          <a:xfrm>
            <a:off x="1322376" y="2035641"/>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8" name="OTLSHAPE_SLT_bf0bab4e98f54763a82568a5d219a5c7_ShapePercentage" hidden="1">
            <a:extLst>
              <a:ext uri="{FF2B5EF4-FFF2-40B4-BE49-F238E27FC236}">
                <a16:creationId xmlns:a16="http://schemas.microsoft.com/office/drawing/2014/main" id="{98DD6732-0726-4A4B-90BD-083DD0E53C36}"/>
              </a:ext>
            </a:extLst>
          </p:cNvPr>
          <p:cNvSpPr/>
          <p:nvPr>
            <p:custDataLst>
              <p:tags r:id="rId12"/>
            </p:custDataLst>
          </p:nvPr>
        </p:nvSpPr>
        <p:spPr>
          <a:xfrm>
            <a:off x="2063375" y="2286000"/>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4" name="OTLSHAPE_SLT_79eebf0cc03e4ea08540b80882717e0a_ShapePercentage" hidden="1">
            <a:extLst>
              <a:ext uri="{FF2B5EF4-FFF2-40B4-BE49-F238E27FC236}">
                <a16:creationId xmlns:a16="http://schemas.microsoft.com/office/drawing/2014/main" id="{3C0C743A-03B8-4FF5-B674-D356EC8B3B14}"/>
              </a:ext>
            </a:extLst>
          </p:cNvPr>
          <p:cNvSpPr/>
          <p:nvPr>
            <p:custDataLst>
              <p:tags r:id="rId13"/>
            </p:custDataLst>
          </p:nvPr>
        </p:nvSpPr>
        <p:spPr>
          <a:xfrm>
            <a:off x="6820988" y="2536359"/>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3" name="OTLSHAPE_SLT_eeb83e503ffe4a72a203fede87f23081_ShapePercentage" hidden="1">
            <a:extLst>
              <a:ext uri="{FF2B5EF4-FFF2-40B4-BE49-F238E27FC236}">
                <a16:creationId xmlns:a16="http://schemas.microsoft.com/office/drawing/2014/main" id="{A1A8C167-B452-406E-8DE0-04D4F686F2FB}"/>
              </a:ext>
            </a:extLst>
          </p:cNvPr>
          <p:cNvSpPr/>
          <p:nvPr>
            <p:custDataLst>
              <p:tags r:id="rId14"/>
            </p:custDataLst>
          </p:nvPr>
        </p:nvSpPr>
        <p:spPr>
          <a:xfrm>
            <a:off x="5682870" y="2536359"/>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53" name="OTLSHAPE_SLT_118aa262c9b048e19e0b2ecc51e36c38_ShapePercentage" hidden="1">
            <a:extLst>
              <a:ext uri="{FF2B5EF4-FFF2-40B4-BE49-F238E27FC236}">
                <a16:creationId xmlns:a16="http://schemas.microsoft.com/office/drawing/2014/main" id="{5ECF69C9-2718-46DF-9028-FC4910E3F9E3}"/>
              </a:ext>
            </a:extLst>
          </p:cNvPr>
          <p:cNvSpPr/>
          <p:nvPr>
            <p:custDataLst>
              <p:tags r:id="rId15"/>
            </p:custDataLst>
          </p:nvPr>
        </p:nvSpPr>
        <p:spPr>
          <a:xfrm>
            <a:off x="3887372" y="2536359"/>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73" name="OTLSHAPE_SLT_840d1906cb104b01bde15bb78e8e323b_ShapePercentage" hidden="1">
            <a:extLst>
              <a:ext uri="{FF2B5EF4-FFF2-40B4-BE49-F238E27FC236}">
                <a16:creationId xmlns:a16="http://schemas.microsoft.com/office/drawing/2014/main" id="{4A93A954-2D79-4DFA-9B8F-112A3B8B18C9}"/>
              </a:ext>
            </a:extLst>
          </p:cNvPr>
          <p:cNvSpPr/>
          <p:nvPr>
            <p:custDataLst>
              <p:tags r:id="rId16"/>
            </p:custDataLst>
          </p:nvPr>
        </p:nvSpPr>
        <p:spPr>
          <a:xfrm>
            <a:off x="2821711" y="2536359"/>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81" name="OTLSHAPE_SLT_44de9765e7204557b88297f4709b8c30_ShapePercentage" hidden="1">
            <a:extLst>
              <a:ext uri="{FF2B5EF4-FFF2-40B4-BE49-F238E27FC236}">
                <a16:creationId xmlns:a16="http://schemas.microsoft.com/office/drawing/2014/main" id="{2FA572B8-C469-4F8D-B465-465A4ECF27C7}"/>
              </a:ext>
            </a:extLst>
          </p:cNvPr>
          <p:cNvSpPr/>
          <p:nvPr>
            <p:custDataLst>
              <p:tags r:id="rId17"/>
            </p:custDataLst>
          </p:nvPr>
        </p:nvSpPr>
        <p:spPr>
          <a:xfrm>
            <a:off x="2230872" y="3214878"/>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87" name="OTLSHAPE_SLT_8d38abf6434f49b59dc24ae1ee36935e_ShapePercentage" hidden="1">
            <a:extLst>
              <a:ext uri="{FF2B5EF4-FFF2-40B4-BE49-F238E27FC236}">
                <a16:creationId xmlns:a16="http://schemas.microsoft.com/office/drawing/2014/main" id="{F55B5190-92BA-4C27-B32B-7E664B7DCCD2}"/>
              </a:ext>
            </a:extLst>
          </p:cNvPr>
          <p:cNvSpPr/>
          <p:nvPr>
            <p:custDataLst>
              <p:tags r:id="rId18"/>
            </p:custDataLst>
          </p:nvPr>
        </p:nvSpPr>
        <p:spPr>
          <a:xfrm>
            <a:off x="3887372" y="3214878"/>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7" name="OTLSHAPE_SLT_c7770eb3e434445083ebf0cda53241c7_ShapePercentage" hidden="1">
            <a:extLst>
              <a:ext uri="{FF2B5EF4-FFF2-40B4-BE49-F238E27FC236}">
                <a16:creationId xmlns:a16="http://schemas.microsoft.com/office/drawing/2014/main" id="{7739D98A-481E-4F7F-ABA7-B5EE8B11F9AC}"/>
              </a:ext>
            </a:extLst>
          </p:cNvPr>
          <p:cNvSpPr/>
          <p:nvPr>
            <p:custDataLst>
              <p:tags r:id="rId19"/>
            </p:custDataLst>
          </p:nvPr>
        </p:nvSpPr>
        <p:spPr>
          <a:xfrm>
            <a:off x="3887372" y="3791797"/>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04" name="OTLSHAPE_SLT_40c7696c8b3a4b1db83d76730e5d92c2_ShapePercentage" hidden="1">
            <a:extLst>
              <a:ext uri="{FF2B5EF4-FFF2-40B4-BE49-F238E27FC236}">
                <a16:creationId xmlns:a16="http://schemas.microsoft.com/office/drawing/2014/main" id="{66FF6465-315B-4284-90D8-B207D3EF4CF7}"/>
              </a:ext>
            </a:extLst>
          </p:cNvPr>
          <p:cNvSpPr/>
          <p:nvPr>
            <p:custDataLst>
              <p:tags r:id="rId20"/>
            </p:custDataLst>
          </p:nvPr>
        </p:nvSpPr>
        <p:spPr>
          <a:xfrm>
            <a:off x="5739692" y="3791797"/>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9" name="OTLSHAPE_SLT_f1b03b9fadb246d6b74eef66d2c662d1_ShapePercentage" hidden="1">
            <a:extLst>
              <a:ext uri="{FF2B5EF4-FFF2-40B4-BE49-F238E27FC236}">
                <a16:creationId xmlns:a16="http://schemas.microsoft.com/office/drawing/2014/main" id="{DAAAD59C-B7D5-43F5-900F-DC137CC90889}"/>
              </a:ext>
            </a:extLst>
          </p:cNvPr>
          <p:cNvSpPr/>
          <p:nvPr>
            <p:custDataLst>
              <p:tags r:id="rId21"/>
            </p:custDataLst>
          </p:nvPr>
        </p:nvSpPr>
        <p:spPr>
          <a:xfrm>
            <a:off x="6623369" y="4368716"/>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7" name="OTLSHAPE_SLT_c60910096d5a4b6f9de76b63feadcf94_ShapePercentage" hidden="1">
            <a:extLst>
              <a:ext uri="{FF2B5EF4-FFF2-40B4-BE49-F238E27FC236}">
                <a16:creationId xmlns:a16="http://schemas.microsoft.com/office/drawing/2014/main" id="{E1E2A8D8-2EDC-4EB4-91AC-17C827CB41C8}"/>
              </a:ext>
            </a:extLst>
          </p:cNvPr>
          <p:cNvSpPr/>
          <p:nvPr>
            <p:custDataLst>
              <p:tags r:id="rId22"/>
            </p:custDataLst>
          </p:nvPr>
        </p:nvSpPr>
        <p:spPr>
          <a:xfrm>
            <a:off x="7392867" y="4619075"/>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4" name="OTLSHAPE_SLT_71feb0897c2b47d28678366d0661913b_ShapePercentage" hidden="1">
            <a:extLst>
              <a:ext uri="{FF2B5EF4-FFF2-40B4-BE49-F238E27FC236}">
                <a16:creationId xmlns:a16="http://schemas.microsoft.com/office/drawing/2014/main" id="{B9DEB792-D853-495E-92A8-E164786E076D}"/>
              </a:ext>
            </a:extLst>
          </p:cNvPr>
          <p:cNvSpPr/>
          <p:nvPr>
            <p:custDataLst>
              <p:tags r:id="rId23"/>
            </p:custDataLst>
          </p:nvPr>
        </p:nvSpPr>
        <p:spPr>
          <a:xfrm>
            <a:off x="2644319" y="5445337"/>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9" name="OTLSHAPE_SLT_fa8886b769a54c02817aaba54576e921_ShapePercentage" hidden="1">
            <a:extLst>
              <a:ext uri="{FF2B5EF4-FFF2-40B4-BE49-F238E27FC236}">
                <a16:creationId xmlns:a16="http://schemas.microsoft.com/office/drawing/2014/main" id="{8BB1A718-BC58-444B-8A4A-E97851870446}"/>
              </a:ext>
            </a:extLst>
          </p:cNvPr>
          <p:cNvSpPr/>
          <p:nvPr>
            <p:custDataLst>
              <p:tags r:id="rId24"/>
            </p:custDataLst>
          </p:nvPr>
        </p:nvSpPr>
        <p:spPr>
          <a:xfrm>
            <a:off x="3861920" y="5445337"/>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95" name="OTLSHAPE_SLT_a0005013d1434eca8799fe0021a266e0_ShapePercentage" hidden="1">
            <a:extLst>
              <a:ext uri="{FF2B5EF4-FFF2-40B4-BE49-F238E27FC236}">
                <a16:creationId xmlns:a16="http://schemas.microsoft.com/office/drawing/2014/main" id="{247FCA29-0C64-4A54-ACD0-8109D072D359}"/>
              </a:ext>
            </a:extLst>
          </p:cNvPr>
          <p:cNvSpPr/>
          <p:nvPr>
            <p:custDataLst>
              <p:tags r:id="rId25"/>
            </p:custDataLst>
          </p:nvPr>
        </p:nvSpPr>
        <p:spPr>
          <a:xfrm>
            <a:off x="8237020" y="5445337"/>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1" name="OTLSHAPE_SLT_db841b2dc0b5434e83008cd4d4e540bc_ShapePercentage" hidden="1">
            <a:extLst>
              <a:ext uri="{FF2B5EF4-FFF2-40B4-BE49-F238E27FC236}">
                <a16:creationId xmlns:a16="http://schemas.microsoft.com/office/drawing/2014/main" id="{891DB207-4F73-4FC8-B473-470640F19793}"/>
              </a:ext>
            </a:extLst>
          </p:cNvPr>
          <p:cNvSpPr/>
          <p:nvPr>
            <p:custDataLst>
              <p:tags r:id="rId26"/>
            </p:custDataLst>
          </p:nvPr>
        </p:nvSpPr>
        <p:spPr>
          <a:xfrm>
            <a:off x="9646641" y="5445337"/>
            <a:ext cx="0" cy="0"/>
          </a:xfrm>
          <a:prstGeom prst="snip2DiagRect">
            <a:avLst>
              <a:gd name="adj1" fmla="val 100000"/>
              <a:gd name="adj2" fmla="val 16667"/>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7" name="OTLSHAPE_SL_9cf0b9a3b4064869b9ae748fb5efbb51_Header">
            <a:extLst>
              <a:ext uri="{FF2B5EF4-FFF2-40B4-BE49-F238E27FC236}">
                <a16:creationId xmlns:a16="http://schemas.microsoft.com/office/drawing/2014/main" id="{DE487498-AFF0-4E41-8BE2-DC7A6B94BFFA}"/>
              </a:ext>
            </a:extLst>
          </p:cNvPr>
          <p:cNvSpPr txBox="1"/>
          <p:nvPr>
            <p:custDataLst>
              <p:tags r:id="rId27"/>
            </p:custDataLst>
          </p:nvPr>
        </p:nvSpPr>
        <p:spPr>
          <a:xfrm>
            <a:off x="287008" y="2466038"/>
            <a:ext cx="1104900" cy="228353"/>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rPr>
              <a:t>Physical Platform</a:t>
            </a:r>
          </a:p>
        </p:txBody>
      </p:sp>
      <p:sp>
        <p:nvSpPr>
          <p:cNvPr id="6" name="OTLSHAPE_TB_00000000000000000000000000000000_TodayMarkerShape" hidden="1">
            <a:extLst>
              <a:ext uri="{FF2B5EF4-FFF2-40B4-BE49-F238E27FC236}">
                <a16:creationId xmlns:a16="http://schemas.microsoft.com/office/drawing/2014/main" id="{BE316E76-F914-4119-8EC6-FA9123176B71}"/>
              </a:ext>
            </a:extLst>
          </p:cNvPr>
          <p:cNvSpPr/>
          <p:nvPr>
            <p:custDataLst>
              <p:tags r:id="rId28"/>
            </p:custDataLst>
          </p:nvPr>
        </p:nvSpPr>
        <p:spPr>
          <a:xfrm>
            <a:off x="1239447" y="175260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 name="OTLSHAPE_TB_00000000000000000000000000000000_TimescaleInterval1">
            <a:extLst>
              <a:ext uri="{FF2B5EF4-FFF2-40B4-BE49-F238E27FC236}">
                <a16:creationId xmlns:a16="http://schemas.microsoft.com/office/drawing/2014/main" id="{7C46D9AE-762E-4F50-A81D-30E793221C86}"/>
              </a:ext>
            </a:extLst>
          </p:cNvPr>
          <p:cNvSpPr txBox="1"/>
          <p:nvPr>
            <p:custDataLst>
              <p:tags r:id="rId29"/>
            </p:custDataLst>
          </p:nvPr>
        </p:nvSpPr>
        <p:spPr>
          <a:xfrm>
            <a:off x="2008669" y="1600470"/>
            <a:ext cx="1595709"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a:ln>
                  <a:noFill/>
                </a:ln>
                <a:solidFill>
                  <a:prstClr val="white"/>
                </a:solidFill>
                <a:effectLst/>
                <a:uLnTx/>
                <a:uFillTx/>
                <a:latin typeface="Calibri" panose="020F0502020204030204" pitchFamily="34" charset="0"/>
                <a:ea typeface="+mn-ea"/>
                <a:cs typeface="+mn-cs"/>
              </a:rPr>
              <a:t>August — September</a:t>
            </a:r>
          </a:p>
        </p:txBody>
      </p:sp>
      <p:sp>
        <p:nvSpPr>
          <p:cNvPr id="9" name="OTLSHAPE_TB_00000000000000000000000000000000_TimescaleInterval2">
            <a:extLst>
              <a:ext uri="{FF2B5EF4-FFF2-40B4-BE49-F238E27FC236}">
                <a16:creationId xmlns:a16="http://schemas.microsoft.com/office/drawing/2014/main" id="{D6FFDCBD-8ABA-4274-8A98-CF6EA405B9C8}"/>
              </a:ext>
            </a:extLst>
          </p:cNvPr>
          <p:cNvSpPr txBox="1"/>
          <p:nvPr>
            <p:custDataLst>
              <p:tags r:id="rId30"/>
            </p:custDataLst>
          </p:nvPr>
        </p:nvSpPr>
        <p:spPr>
          <a:xfrm>
            <a:off x="5120993" y="1588719"/>
            <a:ext cx="610075"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a:ln>
                  <a:noFill/>
                </a:ln>
                <a:solidFill>
                  <a:prstClr val="white"/>
                </a:solidFill>
                <a:effectLst/>
                <a:uLnTx/>
                <a:uFillTx/>
                <a:latin typeface="Calibri" panose="020F0502020204030204" pitchFamily="34" charset="0"/>
                <a:ea typeface="+mn-ea"/>
                <a:cs typeface="+mn-cs"/>
              </a:rPr>
              <a:t>October</a:t>
            </a:r>
          </a:p>
        </p:txBody>
      </p:sp>
      <p:sp>
        <p:nvSpPr>
          <p:cNvPr id="10" name="OTLSHAPE_TB_00000000000000000000000000000000_TimescaleInterval3">
            <a:extLst>
              <a:ext uri="{FF2B5EF4-FFF2-40B4-BE49-F238E27FC236}">
                <a16:creationId xmlns:a16="http://schemas.microsoft.com/office/drawing/2014/main" id="{AD0F9F2A-EDBF-45B2-904D-984630FC0F10}"/>
              </a:ext>
            </a:extLst>
          </p:cNvPr>
          <p:cNvSpPr txBox="1"/>
          <p:nvPr>
            <p:custDataLst>
              <p:tags r:id="rId31"/>
            </p:custDataLst>
          </p:nvPr>
        </p:nvSpPr>
        <p:spPr>
          <a:xfrm>
            <a:off x="7168489" y="1593062"/>
            <a:ext cx="1721152"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a:ln>
                  <a:noFill/>
                </a:ln>
                <a:solidFill>
                  <a:prstClr val="white"/>
                </a:solidFill>
                <a:effectLst/>
                <a:uLnTx/>
                <a:uFillTx/>
                <a:latin typeface="Calibri" panose="020F0502020204030204" pitchFamily="34" charset="0"/>
                <a:ea typeface="+mn-ea"/>
                <a:cs typeface="+mn-cs"/>
              </a:rPr>
              <a:t>November — December</a:t>
            </a:r>
          </a:p>
        </p:txBody>
      </p:sp>
      <p:sp>
        <p:nvSpPr>
          <p:cNvPr id="11" name="OTLSHAPE_TB_00000000000000000000000000000000_TimescaleInterval4">
            <a:extLst>
              <a:ext uri="{FF2B5EF4-FFF2-40B4-BE49-F238E27FC236}">
                <a16:creationId xmlns:a16="http://schemas.microsoft.com/office/drawing/2014/main" id="{01F18C11-A2E5-4455-AFA2-4F4F9E8E6515}"/>
              </a:ext>
            </a:extLst>
          </p:cNvPr>
          <p:cNvSpPr txBox="1"/>
          <p:nvPr>
            <p:custDataLst>
              <p:tags r:id="rId32"/>
            </p:custDataLst>
          </p:nvPr>
        </p:nvSpPr>
        <p:spPr>
          <a:xfrm>
            <a:off x="10033926" y="1597470"/>
            <a:ext cx="1162409"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a:ln>
                  <a:noFill/>
                </a:ln>
                <a:solidFill>
                  <a:prstClr val="white"/>
                </a:solidFill>
                <a:effectLst/>
                <a:uLnTx/>
                <a:uFillTx/>
                <a:latin typeface="Calibri" panose="020F0502020204030204" pitchFamily="34" charset="0"/>
                <a:ea typeface="+mn-ea"/>
                <a:cs typeface="+mn-cs"/>
              </a:rPr>
              <a:t>Spring Semester</a:t>
            </a:r>
          </a:p>
        </p:txBody>
      </p:sp>
      <p:sp>
        <p:nvSpPr>
          <p:cNvPr id="7" name="OTLSHAPE_TB_00000000000000000000000000000000_TodayMarkerText" hidden="1">
            <a:extLst>
              <a:ext uri="{FF2B5EF4-FFF2-40B4-BE49-F238E27FC236}">
                <a16:creationId xmlns:a16="http://schemas.microsoft.com/office/drawing/2014/main" id="{AF19C43E-6468-432B-AE6E-D525D3062E85}"/>
              </a:ext>
            </a:extLst>
          </p:cNvPr>
          <p:cNvSpPr txBox="1"/>
          <p:nvPr>
            <p:custDataLst>
              <p:tags r:id="rId33"/>
            </p:custDataLst>
          </p:nvPr>
        </p:nvSpPr>
        <p:spPr>
          <a:xfrm>
            <a:off x="-168984" y="58866"/>
            <a:ext cx="0" cy="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Today</a:t>
            </a:r>
          </a:p>
        </p:txBody>
      </p:sp>
      <p:sp>
        <p:nvSpPr>
          <p:cNvPr id="24" name="OTLSHAPE_SLT_1f3ecdb523214d1c858ab8fb12392a13_Duration" hidden="1">
            <a:extLst>
              <a:ext uri="{FF2B5EF4-FFF2-40B4-BE49-F238E27FC236}">
                <a16:creationId xmlns:a16="http://schemas.microsoft.com/office/drawing/2014/main" id="{ACC070BF-5CA7-4D58-8FF7-59F1B316FA32}"/>
              </a:ext>
            </a:extLst>
          </p:cNvPr>
          <p:cNvSpPr txBox="1"/>
          <p:nvPr>
            <p:custDataLst>
              <p:tags r:id="rId34"/>
            </p:custDataLst>
          </p:nvPr>
        </p:nvSpPr>
        <p:spPr>
          <a:xfrm>
            <a:off x="12700" y="-464354"/>
            <a:ext cx="4953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2.8 days</a:t>
            </a:r>
          </a:p>
        </p:txBody>
      </p:sp>
      <p:sp>
        <p:nvSpPr>
          <p:cNvPr id="25" name="OTLSHAPE_SLT_1f3ecdb523214d1c858ab8fb12392a13_JoinedDate" hidden="1">
            <a:extLst>
              <a:ext uri="{FF2B5EF4-FFF2-40B4-BE49-F238E27FC236}">
                <a16:creationId xmlns:a16="http://schemas.microsoft.com/office/drawing/2014/main" id="{9921DEC0-D835-4EB5-AF8F-92E87A0F6566}"/>
              </a:ext>
            </a:extLst>
          </p:cNvPr>
          <p:cNvSpPr txBox="1"/>
          <p:nvPr>
            <p:custDataLst>
              <p:tags r:id="rId35"/>
            </p:custDataLst>
          </p:nvPr>
        </p:nvSpPr>
        <p:spPr>
          <a:xfrm>
            <a:off x="12700" y="-618242"/>
            <a:ext cx="7366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an 2 - Mar 31</a:t>
            </a:r>
          </a:p>
        </p:txBody>
      </p:sp>
      <p:sp>
        <p:nvSpPr>
          <p:cNvPr id="26" name="OTLSHAPE_SLT_1f3ecdb523214d1c858ab8fb12392a13_StartDate" hidden="1">
            <a:extLst>
              <a:ext uri="{FF2B5EF4-FFF2-40B4-BE49-F238E27FC236}">
                <a16:creationId xmlns:a16="http://schemas.microsoft.com/office/drawing/2014/main" id="{73023A26-4CB2-42BC-B83C-504B7F6EE8F5}"/>
              </a:ext>
            </a:extLst>
          </p:cNvPr>
          <p:cNvSpPr txBox="1"/>
          <p:nvPr>
            <p:custDataLst>
              <p:tags r:id="rId3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7" name="OTLSHAPE_SLT_1f3ecdb523214d1c858ab8fb12392a13_EndDate" hidden="1">
            <a:extLst>
              <a:ext uri="{FF2B5EF4-FFF2-40B4-BE49-F238E27FC236}">
                <a16:creationId xmlns:a16="http://schemas.microsoft.com/office/drawing/2014/main" id="{FB19150D-70C6-4D6D-973E-BC7AA5E16DD1}"/>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9" name="OTLSHAPE_SLT_bf0bab4e98f54763a82568a5d219a5c7_Duration" hidden="1">
            <a:extLst>
              <a:ext uri="{FF2B5EF4-FFF2-40B4-BE49-F238E27FC236}">
                <a16:creationId xmlns:a16="http://schemas.microsoft.com/office/drawing/2014/main" id="{BD4E1201-A9DF-41A1-A894-9D86E33F095C}"/>
              </a:ext>
            </a:extLst>
          </p:cNvPr>
          <p:cNvSpPr txBox="1"/>
          <p:nvPr>
            <p:custDataLst>
              <p:tags r:id="rId38"/>
            </p:custDataLst>
          </p:nvPr>
        </p:nvSpPr>
        <p:spPr>
          <a:xfrm>
            <a:off x="12700" y="-464354"/>
            <a:ext cx="4953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4.8 days</a:t>
            </a:r>
          </a:p>
        </p:txBody>
      </p:sp>
      <p:sp>
        <p:nvSpPr>
          <p:cNvPr id="51" name="OTLSHAPE_SLT_bf0bab4e98f54763a82568a5d219a5c7_JoinedDate" hidden="1">
            <a:extLst>
              <a:ext uri="{FF2B5EF4-FFF2-40B4-BE49-F238E27FC236}">
                <a16:creationId xmlns:a16="http://schemas.microsoft.com/office/drawing/2014/main" id="{D8DA029E-F4F6-4109-A8C9-FCC6D12140DC}"/>
              </a:ext>
            </a:extLst>
          </p:cNvPr>
          <p:cNvSpPr txBox="1"/>
          <p:nvPr>
            <p:custDataLst>
              <p:tags r:id="rId39"/>
            </p:custDataLst>
          </p:nvPr>
        </p:nvSpPr>
        <p:spPr>
          <a:xfrm>
            <a:off x="12700" y="-695186"/>
            <a:ext cx="8001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an 28 - Mar 31</a:t>
            </a:r>
          </a:p>
        </p:txBody>
      </p:sp>
      <p:sp>
        <p:nvSpPr>
          <p:cNvPr id="52" name="OTLSHAPE_SLT_bf0bab4e98f54763a82568a5d219a5c7_StartDate" hidden="1">
            <a:extLst>
              <a:ext uri="{FF2B5EF4-FFF2-40B4-BE49-F238E27FC236}">
                <a16:creationId xmlns:a16="http://schemas.microsoft.com/office/drawing/2014/main" id="{719713EC-31A7-4292-ACB5-3F3C9AD7A2D0}"/>
              </a:ext>
            </a:extLst>
          </p:cNvPr>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53" name="OTLSHAPE_SLT_bf0bab4e98f54763a82568a5d219a5c7_EndDate" hidden="1">
            <a:extLst>
              <a:ext uri="{FF2B5EF4-FFF2-40B4-BE49-F238E27FC236}">
                <a16:creationId xmlns:a16="http://schemas.microsoft.com/office/drawing/2014/main" id="{2FFB2407-F88F-49A1-BEFF-AF38E15C58CF}"/>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56" name="OTLSHAPE_SLT_79eebf0cc03e4ea08540b80882717e0a_Duration" hidden="1">
            <a:extLst>
              <a:ext uri="{FF2B5EF4-FFF2-40B4-BE49-F238E27FC236}">
                <a16:creationId xmlns:a16="http://schemas.microsoft.com/office/drawing/2014/main" id="{4DA6C61F-256B-479C-98D9-96DDB66C8DD3}"/>
              </a:ext>
            </a:extLst>
          </p:cNvPr>
          <p:cNvSpPr txBox="1"/>
          <p:nvPr>
            <p:custDataLst>
              <p:tags r:id="rId42"/>
            </p:custDataLst>
          </p:nvPr>
        </p:nvSpPr>
        <p:spPr>
          <a:xfrm>
            <a:off x="12700" y="-464354"/>
            <a:ext cx="4953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6.4 days</a:t>
            </a:r>
          </a:p>
        </p:txBody>
      </p:sp>
      <p:sp>
        <p:nvSpPr>
          <p:cNvPr id="57" name="OTLSHAPE_SLT_79eebf0cc03e4ea08540b80882717e0a_TextPercentage" hidden="1">
            <a:extLst>
              <a:ext uri="{FF2B5EF4-FFF2-40B4-BE49-F238E27FC236}">
                <a16:creationId xmlns:a16="http://schemas.microsoft.com/office/drawing/2014/main" id="{A65D9748-775A-4330-9C43-B969C6825547}"/>
              </a:ext>
            </a:extLst>
          </p:cNvPr>
          <p:cNvSpPr txBox="1"/>
          <p:nvPr>
            <p:custDataLst>
              <p:tags r:id="rId43"/>
            </p:custDataLst>
          </p:nvPr>
        </p:nvSpPr>
        <p:spPr>
          <a:xfrm>
            <a:off x="12700" y="-79633"/>
            <a:ext cx="2286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75%</a:t>
            </a:r>
          </a:p>
        </p:txBody>
      </p:sp>
      <p:sp>
        <p:nvSpPr>
          <p:cNvPr id="59" name="OTLSHAPE_SLT_79eebf0cc03e4ea08540b80882717e0a_JoinedDate" hidden="1">
            <a:extLst>
              <a:ext uri="{FF2B5EF4-FFF2-40B4-BE49-F238E27FC236}">
                <a16:creationId xmlns:a16="http://schemas.microsoft.com/office/drawing/2014/main" id="{5DC41BA4-45BA-49E0-AE5F-ABA57BB77EEC}"/>
              </a:ext>
            </a:extLst>
          </p:cNvPr>
          <p:cNvSpPr txBox="1"/>
          <p:nvPr>
            <p:custDataLst>
              <p:tags r:id="rId44"/>
            </p:custDataLst>
          </p:nvPr>
        </p:nvSpPr>
        <p:spPr>
          <a:xfrm>
            <a:off x="12700" y="-695186"/>
            <a:ext cx="7366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ul 13 - Sep 30</a:t>
            </a:r>
          </a:p>
        </p:txBody>
      </p:sp>
      <p:sp>
        <p:nvSpPr>
          <p:cNvPr id="60" name="OTLSHAPE_SLT_79eebf0cc03e4ea08540b80882717e0a_StartDate" hidden="1">
            <a:extLst>
              <a:ext uri="{FF2B5EF4-FFF2-40B4-BE49-F238E27FC236}">
                <a16:creationId xmlns:a16="http://schemas.microsoft.com/office/drawing/2014/main" id="{07CC3E0D-9239-4B0E-82F2-757B1BEB6988}"/>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61" name="OTLSHAPE_SLT_79eebf0cc03e4ea08540b80882717e0a_EndDate" hidden="1">
            <a:extLst>
              <a:ext uri="{FF2B5EF4-FFF2-40B4-BE49-F238E27FC236}">
                <a16:creationId xmlns:a16="http://schemas.microsoft.com/office/drawing/2014/main" id="{832FA22B-42EB-4BAA-92B1-5AB85A861D47}"/>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48" name="OTLSHAPE_SLT_eeb83e503ffe4a72a203fede87f23081_Duration" hidden="1">
            <a:extLst>
              <a:ext uri="{FF2B5EF4-FFF2-40B4-BE49-F238E27FC236}">
                <a16:creationId xmlns:a16="http://schemas.microsoft.com/office/drawing/2014/main" id="{D0D00A62-E182-4BC1-8BED-544A15ACFBB2}"/>
              </a:ext>
            </a:extLst>
          </p:cNvPr>
          <p:cNvSpPr txBox="1"/>
          <p:nvPr>
            <p:custDataLst>
              <p:tags r:id="rId47"/>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6 days</a:t>
            </a:r>
          </a:p>
        </p:txBody>
      </p:sp>
      <p:sp>
        <p:nvSpPr>
          <p:cNvPr id="449" name="OTLSHAPE_SLT_eeb83e503ffe4a72a203fede87f23081_TextPercentage" hidden="1">
            <a:extLst>
              <a:ext uri="{FF2B5EF4-FFF2-40B4-BE49-F238E27FC236}">
                <a16:creationId xmlns:a16="http://schemas.microsoft.com/office/drawing/2014/main" id="{FB63A40E-D800-4199-8BFF-BA6CAE6F4BD7}"/>
              </a:ext>
            </a:extLst>
          </p:cNvPr>
          <p:cNvSpPr txBox="1"/>
          <p:nvPr>
            <p:custDataLst>
              <p:tags r:id="rId48"/>
            </p:custDataLst>
          </p:nvPr>
        </p:nvSpPr>
        <p:spPr>
          <a:xfrm>
            <a:off x="12700" y="-79633"/>
            <a:ext cx="2286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75%</a:t>
            </a:r>
          </a:p>
        </p:txBody>
      </p:sp>
      <p:sp>
        <p:nvSpPr>
          <p:cNvPr id="450" name="OTLSHAPE_SLT_eeb83e503ffe4a72a203fede87f23081_JoinedDate" hidden="1">
            <a:extLst>
              <a:ext uri="{FF2B5EF4-FFF2-40B4-BE49-F238E27FC236}">
                <a16:creationId xmlns:a16="http://schemas.microsoft.com/office/drawing/2014/main" id="{1A173880-F728-4D8B-B4C3-F7CEB8178918}"/>
              </a:ext>
            </a:extLst>
          </p:cNvPr>
          <p:cNvSpPr txBox="1"/>
          <p:nvPr>
            <p:custDataLst>
              <p:tags r:id="rId49"/>
            </p:custDataLst>
          </p:nvPr>
        </p:nvSpPr>
        <p:spPr>
          <a:xfrm>
            <a:off x="12700" y="-618242"/>
            <a:ext cx="6604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un 4 - Jul 11</a:t>
            </a:r>
          </a:p>
        </p:txBody>
      </p:sp>
      <p:sp>
        <p:nvSpPr>
          <p:cNvPr id="451" name="OTLSHAPE_SLT_eeb83e503ffe4a72a203fede87f23081_StartDate" hidden="1">
            <a:extLst>
              <a:ext uri="{FF2B5EF4-FFF2-40B4-BE49-F238E27FC236}">
                <a16:creationId xmlns:a16="http://schemas.microsoft.com/office/drawing/2014/main" id="{190725D1-2595-43A5-B383-6CFC42EE21CB}"/>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52" name="OTLSHAPE_SLT_eeb83e503ffe4a72a203fede87f23081_EndDate" hidden="1">
            <a:extLst>
              <a:ext uri="{FF2B5EF4-FFF2-40B4-BE49-F238E27FC236}">
                <a16:creationId xmlns:a16="http://schemas.microsoft.com/office/drawing/2014/main" id="{9D3A2E1F-FA5E-4F3F-A65C-7CBC59C42898}"/>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68" name="OTLSHAPE_SLT_118aa262c9b048e19e0b2ecc51e36c38_Duration" hidden="1">
            <a:extLst>
              <a:ext uri="{FF2B5EF4-FFF2-40B4-BE49-F238E27FC236}">
                <a16:creationId xmlns:a16="http://schemas.microsoft.com/office/drawing/2014/main" id="{18361C42-5769-47C7-B34A-D4D15F7A601C}"/>
              </a:ext>
            </a:extLst>
          </p:cNvPr>
          <p:cNvSpPr txBox="1"/>
          <p:nvPr>
            <p:custDataLst>
              <p:tags r:id="rId52"/>
            </p:custDataLst>
          </p:nvPr>
        </p:nvSpPr>
        <p:spPr>
          <a:xfrm>
            <a:off x="12700" y="-464354"/>
            <a:ext cx="4953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3.5 days</a:t>
            </a:r>
          </a:p>
        </p:txBody>
      </p:sp>
      <p:sp>
        <p:nvSpPr>
          <p:cNvPr id="469" name="OTLSHAPE_SLT_118aa262c9b048e19e0b2ecc51e36c38_TextPercentage" hidden="1">
            <a:extLst>
              <a:ext uri="{FF2B5EF4-FFF2-40B4-BE49-F238E27FC236}">
                <a16:creationId xmlns:a16="http://schemas.microsoft.com/office/drawing/2014/main" id="{A29CBE26-C1EB-47D0-A5A0-279096B1E328}"/>
              </a:ext>
            </a:extLst>
          </p:cNvPr>
          <p:cNvSpPr txBox="1"/>
          <p:nvPr>
            <p:custDataLst>
              <p:tags r:id="rId53"/>
            </p:custDataLst>
          </p:nvPr>
        </p:nvSpPr>
        <p:spPr>
          <a:xfrm>
            <a:off x="12700" y="-79633"/>
            <a:ext cx="2286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1" i="0" u="none" strike="noStrike" kern="1200" cap="none" spc="0" normalizeH="0" baseline="0" noProof="0">
                <a:ln>
                  <a:noFill/>
                </a:ln>
                <a:solidFill>
                  <a:srgbClr val="7F6000"/>
                </a:solidFill>
                <a:effectLst/>
                <a:uLnTx/>
                <a:uFillTx/>
                <a:latin typeface="Calibri" panose="020F0502020204030204" pitchFamily="34" charset="0"/>
                <a:ea typeface="+mn-ea"/>
                <a:cs typeface="+mn-cs"/>
              </a:rPr>
              <a:t>75%</a:t>
            </a:r>
          </a:p>
        </p:txBody>
      </p:sp>
      <p:sp>
        <p:nvSpPr>
          <p:cNvPr id="470" name="OTLSHAPE_SLT_118aa262c9b048e19e0b2ecc51e36c38_JoinedDate" hidden="1">
            <a:extLst>
              <a:ext uri="{FF2B5EF4-FFF2-40B4-BE49-F238E27FC236}">
                <a16:creationId xmlns:a16="http://schemas.microsoft.com/office/drawing/2014/main" id="{36706D15-A082-4D96-B3AA-2D306C2B5879}"/>
              </a:ext>
            </a:extLst>
          </p:cNvPr>
          <p:cNvSpPr txBox="1"/>
          <p:nvPr>
            <p:custDataLst>
              <p:tags r:id="rId54"/>
            </p:custDataLst>
          </p:nvPr>
        </p:nvSpPr>
        <p:spPr>
          <a:xfrm>
            <a:off x="12700" y="-541298"/>
            <a:ext cx="6477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pr 2 - Jun 2</a:t>
            </a:r>
          </a:p>
        </p:txBody>
      </p:sp>
      <p:sp>
        <p:nvSpPr>
          <p:cNvPr id="471" name="OTLSHAPE_SLT_118aa262c9b048e19e0b2ecc51e36c38_StartDate" hidden="1">
            <a:extLst>
              <a:ext uri="{FF2B5EF4-FFF2-40B4-BE49-F238E27FC236}">
                <a16:creationId xmlns:a16="http://schemas.microsoft.com/office/drawing/2014/main" id="{F43A4E14-0A97-4829-A763-2CC9F195400C}"/>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72" name="OTLSHAPE_SLT_118aa262c9b048e19e0b2ecc51e36c38_EndDate" hidden="1">
            <a:extLst>
              <a:ext uri="{FF2B5EF4-FFF2-40B4-BE49-F238E27FC236}">
                <a16:creationId xmlns:a16="http://schemas.microsoft.com/office/drawing/2014/main" id="{04129555-8FAC-496A-A4B6-513A047ED240}"/>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74" name="OTLSHAPE_SLT_840d1906cb104b01bde15bb78e8e323b_Duration" hidden="1">
            <a:extLst>
              <a:ext uri="{FF2B5EF4-FFF2-40B4-BE49-F238E27FC236}">
                <a16:creationId xmlns:a16="http://schemas.microsoft.com/office/drawing/2014/main" id="{EDCA1B4C-A549-4387-8877-D152D8D23750}"/>
              </a:ext>
            </a:extLst>
          </p:cNvPr>
          <p:cNvSpPr txBox="1"/>
          <p:nvPr>
            <p:custDataLst>
              <p:tags r:id="rId57"/>
            </p:custDataLst>
          </p:nvPr>
        </p:nvSpPr>
        <p:spPr>
          <a:xfrm>
            <a:off x="12700" y="-464354"/>
            <a:ext cx="4953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0.4 days</a:t>
            </a:r>
          </a:p>
        </p:txBody>
      </p:sp>
      <p:sp>
        <p:nvSpPr>
          <p:cNvPr id="475" name="OTLSHAPE_SLT_840d1906cb104b01bde15bb78e8e323b_JoinedDate" hidden="1">
            <a:extLst>
              <a:ext uri="{FF2B5EF4-FFF2-40B4-BE49-F238E27FC236}">
                <a16:creationId xmlns:a16="http://schemas.microsoft.com/office/drawing/2014/main" id="{6021DB3A-84DD-43B5-8338-B2C3AFD3415C}"/>
              </a:ext>
            </a:extLst>
          </p:cNvPr>
          <p:cNvSpPr txBox="1"/>
          <p:nvPr>
            <p:custDataLst>
              <p:tags r:id="rId58"/>
            </p:custDataLst>
          </p:nvPr>
        </p:nvSpPr>
        <p:spPr>
          <a:xfrm>
            <a:off x="12700" y="-618242"/>
            <a:ext cx="7239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Feb 23 - Apr 7</a:t>
            </a:r>
          </a:p>
        </p:txBody>
      </p:sp>
      <p:sp>
        <p:nvSpPr>
          <p:cNvPr id="476" name="OTLSHAPE_SLT_840d1906cb104b01bde15bb78e8e323b_StartDate" hidden="1">
            <a:extLst>
              <a:ext uri="{FF2B5EF4-FFF2-40B4-BE49-F238E27FC236}">
                <a16:creationId xmlns:a16="http://schemas.microsoft.com/office/drawing/2014/main" id="{22F72FD9-55CD-4E6C-A71E-6CDF54AF7E5D}"/>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77" name="OTLSHAPE_SLT_840d1906cb104b01bde15bb78e8e323b_EndDate" hidden="1">
            <a:extLst>
              <a:ext uri="{FF2B5EF4-FFF2-40B4-BE49-F238E27FC236}">
                <a16:creationId xmlns:a16="http://schemas.microsoft.com/office/drawing/2014/main" id="{C87629C3-F980-4D3A-8D7A-C9F76815990A}"/>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82" name="OTLSHAPE_SLT_44de9765e7204557b88297f4709b8c30_Duration" hidden="1">
            <a:extLst>
              <a:ext uri="{FF2B5EF4-FFF2-40B4-BE49-F238E27FC236}">
                <a16:creationId xmlns:a16="http://schemas.microsoft.com/office/drawing/2014/main" id="{2CD7FB44-0AF5-4A1D-A43E-184363E61863}"/>
              </a:ext>
            </a:extLst>
          </p:cNvPr>
          <p:cNvSpPr txBox="1"/>
          <p:nvPr>
            <p:custDataLst>
              <p:tags r:id="rId61"/>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6 days</a:t>
            </a:r>
          </a:p>
        </p:txBody>
      </p:sp>
      <p:sp>
        <p:nvSpPr>
          <p:cNvPr id="483" name="OTLSHAPE_SLT_44de9765e7204557b88297f4709b8c30_TextPercentage" hidden="1">
            <a:extLst>
              <a:ext uri="{FF2B5EF4-FFF2-40B4-BE49-F238E27FC236}">
                <a16:creationId xmlns:a16="http://schemas.microsoft.com/office/drawing/2014/main" id="{414AF0F2-42BE-452A-92DC-C2B30441776F}"/>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484" name="OTLSHAPE_SLT_44de9765e7204557b88297f4709b8c30_JoinedDate" hidden="1">
            <a:extLst>
              <a:ext uri="{FF2B5EF4-FFF2-40B4-BE49-F238E27FC236}">
                <a16:creationId xmlns:a16="http://schemas.microsoft.com/office/drawing/2014/main" id="{D5BAFEDA-75E2-49F5-A5C7-83A54E6B9F52}"/>
              </a:ext>
            </a:extLst>
          </p:cNvPr>
          <p:cNvSpPr txBox="1"/>
          <p:nvPr>
            <p:custDataLst>
              <p:tags r:id="rId63"/>
            </p:custDataLst>
          </p:nvPr>
        </p:nvSpPr>
        <p:spPr>
          <a:xfrm>
            <a:off x="12700" y="-541298"/>
            <a:ext cx="6604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Feb 2 - Apr 7</a:t>
            </a:r>
          </a:p>
        </p:txBody>
      </p:sp>
      <p:sp>
        <p:nvSpPr>
          <p:cNvPr id="485" name="OTLSHAPE_SLT_44de9765e7204557b88297f4709b8c30_StartDate" hidden="1">
            <a:extLst>
              <a:ext uri="{FF2B5EF4-FFF2-40B4-BE49-F238E27FC236}">
                <a16:creationId xmlns:a16="http://schemas.microsoft.com/office/drawing/2014/main" id="{F0AA0FC3-644B-455E-BECE-B5607249DAD7}"/>
              </a:ext>
            </a:extLst>
          </p:cNvPr>
          <p:cNvSpPr txBox="1"/>
          <p:nvPr>
            <p:custDataLst>
              <p:tags r:id="rId6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86" name="OTLSHAPE_SLT_44de9765e7204557b88297f4709b8c30_EndDate" hidden="1">
            <a:extLst>
              <a:ext uri="{FF2B5EF4-FFF2-40B4-BE49-F238E27FC236}">
                <a16:creationId xmlns:a16="http://schemas.microsoft.com/office/drawing/2014/main" id="{FC5FBB1E-42DA-4834-A480-7FDEB4DFD0DA}"/>
              </a:ext>
            </a:extLst>
          </p:cNvPr>
          <p:cNvSpPr txBox="1"/>
          <p:nvPr>
            <p:custDataLst>
              <p:tags r:id="rId6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88" name="OTLSHAPE_SLT_8d38abf6434f49b59dc24ae1ee36935e_Duration" hidden="1">
            <a:extLst>
              <a:ext uri="{FF2B5EF4-FFF2-40B4-BE49-F238E27FC236}">
                <a16:creationId xmlns:a16="http://schemas.microsoft.com/office/drawing/2014/main" id="{C4ABBE78-233C-4ED6-A298-B4920AF8B03A}"/>
              </a:ext>
            </a:extLst>
          </p:cNvPr>
          <p:cNvSpPr txBox="1"/>
          <p:nvPr>
            <p:custDataLst>
              <p:tags r:id="rId66"/>
            </p:custDataLst>
          </p:nvPr>
        </p:nvSpPr>
        <p:spPr>
          <a:xfrm>
            <a:off x="12700" y="-464354"/>
            <a:ext cx="4953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8.3 days</a:t>
            </a:r>
          </a:p>
        </p:txBody>
      </p:sp>
      <p:sp>
        <p:nvSpPr>
          <p:cNvPr id="489" name="OTLSHAPE_SLT_8d38abf6434f49b59dc24ae1ee36935e_TextPercentage" hidden="1">
            <a:extLst>
              <a:ext uri="{FF2B5EF4-FFF2-40B4-BE49-F238E27FC236}">
                <a16:creationId xmlns:a16="http://schemas.microsoft.com/office/drawing/2014/main" id="{BB456100-6BA6-45B5-904C-ABBAAC47FA68}"/>
              </a:ext>
            </a:extLst>
          </p:cNvPr>
          <p:cNvSpPr txBox="1"/>
          <p:nvPr>
            <p:custDataLst>
              <p:tags r:id="rId6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490" name="OTLSHAPE_SLT_8d38abf6434f49b59dc24ae1ee36935e_JoinedDate" hidden="1">
            <a:extLst>
              <a:ext uri="{FF2B5EF4-FFF2-40B4-BE49-F238E27FC236}">
                <a16:creationId xmlns:a16="http://schemas.microsoft.com/office/drawing/2014/main" id="{353917DC-A285-4A7B-9AE8-FC834287A82B}"/>
              </a:ext>
            </a:extLst>
          </p:cNvPr>
          <p:cNvSpPr txBox="1"/>
          <p:nvPr>
            <p:custDataLst>
              <p:tags r:id="rId68"/>
            </p:custDataLst>
          </p:nvPr>
        </p:nvSpPr>
        <p:spPr>
          <a:xfrm>
            <a:off x="12700" y="-618242"/>
            <a:ext cx="7239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pr 2 - Apr 28</a:t>
            </a:r>
          </a:p>
        </p:txBody>
      </p:sp>
      <p:sp>
        <p:nvSpPr>
          <p:cNvPr id="491" name="OTLSHAPE_SLT_8d38abf6434f49b59dc24ae1ee36935e_StartDate" hidden="1">
            <a:extLst>
              <a:ext uri="{FF2B5EF4-FFF2-40B4-BE49-F238E27FC236}">
                <a16:creationId xmlns:a16="http://schemas.microsoft.com/office/drawing/2014/main" id="{D4567D67-8E7B-4582-AE61-833717258D64}"/>
              </a:ext>
            </a:extLst>
          </p:cNvPr>
          <p:cNvSpPr txBox="1"/>
          <p:nvPr>
            <p:custDataLst>
              <p:tags r:id="rId6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92" name="OTLSHAPE_SLT_8d38abf6434f49b59dc24ae1ee36935e_EndDate" hidden="1">
            <a:extLst>
              <a:ext uri="{FF2B5EF4-FFF2-40B4-BE49-F238E27FC236}">
                <a16:creationId xmlns:a16="http://schemas.microsoft.com/office/drawing/2014/main" id="{10C59962-0FFD-4A65-B66D-9693F95D43FF}"/>
              </a:ext>
            </a:extLst>
          </p:cNvPr>
          <p:cNvSpPr txBox="1"/>
          <p:nvPr>
            <p:custDataLst>
              <p:tags r:id="rId7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98" name="OTLSHAPE_SLT_c7770eb3e434445083ebf0cda53241c7_Duration" hidden="1">
            <a:extLst>
              <a:ext uri="{FF2B5EF4-FFF2-40B4-BE49-F238E27FC236}">
                <a16:creationId xmlns:a16="http://schemas.microsoft.com/office/drawing/2014/main" id="{7FB1B8EF-58D5-4317-8CA5-B2D86123DCD9}"/>
              </a:ext>
            </a:extLst>
          </p:cNvPr>
          <p:cNvSpPr txBox="1"/>
          <p:nvPr>
            <p:custDataLst>
              <p:tags r:id="rId71"/>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0 days</a:t>
            </a:r>
          </a:p>
        </p:txBody>
      </p:sp>
      <p:sp>
        <p:nvSpPr>
          <p:cNvPr id="499" name="OTLSHAPE_SLT_c7770eb3e434445083ebf0cda53241c7_TextPercentage" hidden="1">
            <a:extLst>
              <a:ext uri="{FF2B5EF4-FFF2-40B4-BE49-F238E27FC236}">
                <a16:creationId xmlns:a16="http://schemas.microsoft.com/office/drawing/2014/main" id="{56F1BCA6-3F1D-47CA-B73B-DABA327B690E}"/>
              </a:ext>
            </a:extLst>
          </p:cNvPr>
          <p:cNvSpPr txBox="1"/>
          <p:nvPr>
            <p:custDataLst>
              <p:tags r:id="rId7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501" name="OTLSHAPE_SLT_c7770eb3e434445083ebf0cda53241c7_JoinedDate" hidden="1">
            <a:extLst>
              <a:ext uri="{FF2B5EF4-FFF2-40B4-BE49-F238E27FC236}">
                <a16:creationId xmlns:a16="http://schemas.microsoft.com/office/drawing/2014/main" id="{285AEBB8-544B-4A71-9215-8F2C1178B253}"/>
              </a:ext>
            </a:extLst>
          </p:cNvPr>
          <p:cNvSpPr txBox="1"/>
          <p:nvPr>
            <p:custDataLst>
              <p:tags r:id="rId73"/>
            </p:custDataLst>
          </p:nvPr>
        </p:nvSpPr>
        <p:spPr>
          <a:xfrm>
            <a:off x="12700" y="-618242"/>
            <a:ext cx="7112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pr 2 - Jun 10</a:t>
            </a:r>
          </a:p>
        </p:txBody>
      </p:sp>
      <p:sp>
        <p:nvSpPr>
          <p:cNvPr id="502" name="OTLSHAPE_SLT_c7770eb3e434445083ebf0cda53241c7_StartDate" hidden="1">
            <a:extLst>
              <a:ext uri="{FF2B5EF4-FFF2-40B4-BE49-F238E27FC236}">
                <a16:creationId xmlns:a16="http://schemas.microsoft.com/office/drawing/2014/main" id="{1BE95281-5889-4664-B64F-C4D523786126}"/>
              </a:ext>
            </a:extLst>
          </p:cNvPr>
          <p:cNvSpPr txBox="1"/>
          <p:nvPr>
            <p:custDataLst>
              <p:tags r:id="rId7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503" name="OTLSHAPE_SLT_c7770eb3e434445083ebf0cda53241c7_EndDate" hidden="1">
            <a:extLst>
              <a:ext uri="{FF2B5EF4-FFF2-40B4-BE49-F238E27FC236}">
                <a16:creationId xmlns:a16="http://schemas.microsoft.com/office/drawing/2014/main" id="{9622DF9A-8F3F-44CF-8B33-29E65F36FE55}"/>
              </a:ext>
            </a:extLst>
          </p:cNvPr>
          <p:cNvSpPr txBox="1"/>
          <p:nvPr>
            <p:custDataLst>
              <p:tags r:id="rId7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505" name="OTLSHAPE_SLT_40c7696c8b3a4b1db83d76730e5d92c2_Duration" hidden="1">
            <a:extLst>
              <a:ext uri="{FF2B5EF4-FFF2-40B4-BE49-F238E27FC236}">
                <a16:creationId xmlns:a16="http://schemas.microsoft.com/office/drawing/2014/main" id="{C64AB74E-FF2D-4675-A60D-AEE8BF13FFA5}"/>
              </a:ext>
            </a:extLst>
          </p:cNvPr>
          <p:cNvSpPr txBox="1"/>
          <p:nvPr>
            <p:custDataLst>
              <p:tags r:id="rId76"/>
            </p:custDataLst>
          </p:nvPr>
        </p:nvSpPr>
        <p:spPr>
          <a:xfrm>
            <a:off x="12700" y="-464354"/>
            <a:ext cx="4953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3.5 days</a:t>
            </a:r>
          </a:p>
        </p:txBody>
      </p:sp>
      <p:sp>
        <p:nvSpPr>
          <p:cNvPr id="506" name="OTLSHAPE_SLT_40c7696c8b3a4b1db83d76730e5d92c2_TextPercentage" hidden="1">
            <a:extLst>
              <a:ext uri="{FF2B5EF4-FFF2-40B4-BE49-F238E27FC236}">
                <a16:creationId xmlns:a16="http://schemas.microsoft.com/office/drawing/2014/main" id="{19765F50-7A2E-4D39-8775-800BA97347B5}"/>
              </a:ext>
            </a:extLst>
          </p:cNvPr>
          <p:cNvSpPr txBox="1"/>
          <p:nvPr>
            <p:custDataLst>
              <p:tags r:id="rId7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507" name="OTLSHAPE_SLT_40c7696c8b3a4b1db83d76730e5d92c2_JoinedDate" hidden="1">
            <a:extLst>
              <a:ext uri="{FF2B5EF4-FFF2-40B4-BE49-F238E27FC236}">
                <a16:creationId xmlns:a16="http://schemas.microsoft.com/office/drawing/2014/main" id="{1DACE5CE-E588-4AF2-9892-AA1D2A953B18}"/>
              </a:ext>
            </a:extLst>
          </p:cNvPr>
          <p:cNvSpPr txBox="1"/>
          <p:nvPr>
            <p:custDataLst>
              <p:tags r:id="rId78"/>
            </p:custDataLst>
          </p:nvPr>
        </p:nvSpPr>
        <p:spPr>
          <a:xfrm>
            <a:off x="12700" y="-541298"/>
            <a:ext cx="6604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un 5 - Aug 5</a:t>
            </a:r>
          </a:p>
        </p:txBody>
      </p:sp>
      <p:sp>
        <p:nvSpPr>
          <p:cNvPr id="508" name="OTLSHAPE_SLT_40c7696c8b3a4b1db83d76730e5d92c2_StartDate" hidden="1">
            <a:extLst>
              <a:ext uri="{FF2B5EF4-FFF2-40B4-BE49-F238E27FC236}">
                <a16:creationId xmlns:a16="http://schemas.microsoft.com/office/drawing/2014/main" id="{9519BA49-4C41-49CF-AC4D-AEA21279B694}"/>
              </a:ext>
            </a:extLst>
          </p:cNvPr>
          <p:cNvSpPr txBox="1"/>
          <p:nvPr>
            <p:custDataLst>
              <p:tags r:id="rId7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509" name="OTLSHAPE_SLT_40c7696c8b3a4b1db83d76730e5d92c2_EndDate" hidden="1">
            <a:extLst>
              <a:ext uri="{FF2B5EF4-FFF2-40B4-BE49-F238E27FC236}">
                <a16:creationId xmlns:a16="http://schemas.microsoft.com/office/drawing/2014/main" id="{5E8310F8-9946-453A-994C-C6C1CF8BB472}"/>
              </a:ext>
            </a:extLst>
          </p:cNvPr>
          <p:cNvSpPr txBox="1"/>
          <p:nvPr>
            <p:custDataLst>
              <p:tags r:id="rId8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1" name="OTLSHAPE_SLT_f1b03b9fadb246d6b74eef66d2c662d1_Duration" hidden="1">
            <a:extLst>
              <a:ext uri="{FF2B5EF4-FFF2-40B4-BE49-F238E27FC236}">
                <a16:creationId xmlns:a16="http://schemas.microsoft.com/office/drawing/2014/main" id="{BF6412E6-678F-48BB-A979-CFF0C896E953}"/>
              </a:ext>
            </a:extLst>
          </p:cNvPr>
          <p:cNvSpPr txBox="1"/>
          <p:nvPr>
            <p:custDataLst>
              <p:tags r:id="rId81"/>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0 days</a:t>
            </a:r>
          </a:p>
        </p:txBody>
      </p:sp>
      <p:sp>
        <p:nvSpPr>
          <p:cNvPr id="72" name="OTLSHAPE_SLT_f1b03b9fadb246d6b74eef66d2c662d1_TextPercentage" hidden="1">
            <a:extLst>
              <a:ext uri="{FF2B5EF4-FFF2-40B4-BE49-F238E27FC236}">
                <a16:creationId xmlns:a16="http://schemas.microsoft.com/office/drawing/2014/main" id="{7B041105-3536-440A-95F8-4D54AFA980C9}"/>
              </a:ext>
            </a:extLst>
          </p:cNvPr>
          <p:cNvSpPr txBox="1"/>
          <p:nvPr>
            <p:custDataLst>
              <p:tags r:id="rId8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3" name="OTLSHAPE_SLT_f1b03b9fadb246d6b74eef66d2c662d1_JoinedDate" hidden="1">
            <a:extLst>
              <a:ext uri="{FF2B5EF4-FFF2-40B4-BE49-F238E27FC236}">
                <a16:creationId xmlns:a16="http://schemas.microsoft.com/office/drawing/2014/main" id="{F70E1443-2E55-4AEB-87B4-0A1D5272E270}"/>
              </a:ext>
            </a:extLst>
          </p:cNvPr>
          <p:cNvSpPr txBox="1"/>
          <p:nvPr>
            <p:custDataLst>
              <p:tags r:id="rId83"/>
            </p:custDataLst>
          </p:nvPr>
        </p:nvSpPr>
        <p:spPr>
          <a:xfrm>
            <a:off x="12700" y="-618242"/>
            <a:ext cx="6731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ul 7 - Sep 14</a:t>
            </a:r>
          </a:p>
        </p:txBody>
      </p:sp>
      <p:sp>
        <p:nvSpPr>
          <p:cNvPr id="75" name="OTLSHAPE_SLT_f1b03b9fadb246d6b74eef66d2c662d1_StartDate" hidden="1">
            <a:extLst>
              <a:ext uri="{FF2B5EF4-FFF2-40B4-BE49-F238E27FC236}">
                <a16:creationId xmlns:a16="http://schemas.microsoft.com/office/drawing/2014/main" id="{186B3F69-9195-48D6-B8DC-8F913BB89B00}"/>
              </a:ext>
            </a:extLst>
          </p:cNvPr>
          <p:cNvSpPr txBox="1"/>
          <p:nvPr>
            <p:custDataLst>
              <p:tags r:id="rId8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 name="OTLSHAPE_SLT_f1b03b9fadb246d6b74eef66d2c662d1_EndDate" hidden="1">
            <a:extLst>
              <a:ext uri="{FF2B5EF4-FFF2-40B4-BE49-F238E27FC236}">
                <a16:creationId xmlns:a16="http://schemas.microsoft.com/office/drawing/2014/main" id="{CDE46C90-218F-4B56-A833-BD724951E529}"/>
              </a:ext>
            </a:extLst>
          </p:cNvPr>
          <p:cNvSpPr txBox="1"/>
          <p:nvPr>
            <p:custDataLst>
              <p:tags r:id="rId8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9" name="OTLSHAPE_SLT_c60910096d5a4b6f9de76b63feadcf94_Duration" hidden="1">
            <a:extLst>
              <a:ext uri="{FF2B5EF4-FFF2-40B4-BE49-F238E27FC236}">
                <a16:creationId xmlns:a16="http://schemas.microsoft.com/office/drawing/2014/main" id="{77C6B0C1-67CD-4FDE-AE10-0E5FAFADAFBB}"/>
              </a:ext>
            </a:extLst>
          </p:cNvPr>
          <p:cNvSpPr txBox="1"/>
          <p:nvPr>
            <p:custDataLst>
              <p:tags r:id="rId86"/>
            </p:custDataLst>
          </p:nvPr>
        </p:nvSpPr>
        <p:spPr>
          <a:xfrm>
            <a:off x="12700" y="-464354"/>
            <a:ext cx="4953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2.2 days</a:t>
            </a:r>
          </a:p>
        </p:txBody>
      </p:sp>
      <p:sp>
        <p:nvSpPr>
          <p:cNvPr id="80" name="OTLSHAPE_SLT_c60910096d5a4b6f9de76b63feadcf94_TextPercentage" hidden="1">
            <a:extLst>
              <a:ext uri="{FF2B5EF4-FFF2-40B4-BE49-F238E27FC236}">
                <a16:creationId xmlns:a16="http://schemas.microsoft.com/office/drawing/2014/main" id="{6F89FDE1-3959-4B72-81B7-D9A029559D70}"/>
              </a:ext>
            </a:extLst>
          </p:cNvPr>
          <p:cNvSpPr txBox="1"/>
          <p:nvPr>
            <p:custDataLst>
              <p:tags r:id="rId87"/>
            </p:custDataLst>
          </p:nvPr>
        </p:nvSpPr>
        <p:spPr>
          <a:xfrm>
            <a:off x="12700" y="-79633"/>
            <a:ext cx="2286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75%</a:t>
            </a:r>
          </a:p>
        </p:txBody>
      </p:sp>
      <p:sp>
        <p:nvSpPr>
          <p:cNvPr id="81" name="OTLSHAPE_SLT_c60910096d5a4b6f9de76b63feadcf94_JoinedDate" hidden="1">
            <a:extLst>
              <a:ext uri="{FF2B5EF4-FFF2-40B4-BE49-F238E27FC236}">
                <a16:creationId xmlns:a16="http://schemas.microsoft.com/office/drawing/2014/main" id="{3CF667E4-D88E-4505-9BF3-3A249BB2B754}"/>
              </a:ext>
            </a:extLst>
          </p:cNvPr>
          <p:cNvSpPr txBox="1"/>
          <p:nvPr>
            <p:custDataLst>
              <p:tags r:id="rId88"/>
            </p:custDataLst>
          </p:nvPr>
        </p:nvSpPr>
        <p:spPr>
          <a:xfrm>
            <a:off x="12700" y="-618242"/>
            <a:ext cx="7366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ug 3 - Oct 28</a:t>
            </a:r>
          </a:p>
        </p:txBody>
      </p:sp>
      <p:sp>
        <p:nvSpPr>
          <p:cNvPr id="82" name="OTLSHAPE_SLT_c60910096d5a4b6f9de76b63feadcf94_StartDate" hidden="1">
            <a:extLst>
              <a:ext uri="{FF2B5EF4-FFF2-40B4-BE49-F238E27FC236}">
                <a16:creationId xmlns:a16="http://schemas.microsoft.com/office/drawing/2014/main" id="{93A82419-B648-41D2-888A-834BD493C3A9}"/>
              </a:ext>
            </a:extLst>
          </p:cNvPr>
          <p:cNvSpPr txBox="1"/>
          <p:nvPr>
            <p:custDataLst>
              <p:tags r:id="rId8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83" name="OTLSHAPE_SLT_c60910096d5a4b6f9de76b63feadcf94_EndDate" hidden="1">
            <a:extLst>
              <a:ext uri="{FF2B5EF4-FFF2-40B4-BE49-F238E27FC236}">
                <a16:creationId xmlns:a16="http://schemas.microsoft.com/office/drawing/2014/main" id="{C50D8960-0C45-4BC7-B91F-D5C1DA2D221F}"/>
              </a:ext>
            </a:extLst>
          </p:cNvPr>
          <p:cNvSpPr txBox="1"/>
          <p:nvPr>
            <p:custDataLst>
              <p:tags r:id="rId9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85" name="OTLSHAPE_SLT_71feb0897c2b47d28678366d0661913b_JoinedDate" hidden="1">
            <a:extLst>
              <a:ext uri="{FF2B5EF4-FFF2-40B4-BE49-F238E27FC236}">
                <a16:creationId xmlns:a16="http://schemas.microsoft.com/office/drawing/2014/main" id="{4529CF88-783B-4063-B526-96900BAA387C}"/>
              </a:ext>
            </a:extLst>
          </p:cNvPr>
          <p:cNvSpPr txBox="1"/>
          <p:nvPr>
            <p:custDataLst>
              <p:tags r:id="rId91"/>
            </p:custDataLst>
          </p:nvPr>
        </p:nvSpPr>
        <p:spPr>
          <a:xfrm>
            <a:off x="12700" y="-695186"/>
            <a:ext cx="8128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Feb 17 - Mar 31</a:t>
            </a:r>
          </a:p>
        </p:txBody>
      </p:sp>
      <p:sp>
        <p:nvSpPr>
          <p:cNvPr id="87" name="OTLSHAPE_SLT_71feb0897c2b47d28678366d0661913b_StartDate" hidden="1">
            <a:extLst>
              <a:ext uri="{FF2B5EF4-FFF2-40B4-BE49-F238E27FC236}">
                <a16:creationId xmlns:a16="http://schemas.microsoft.com/office/drawing/2014/main" id="{70992E93-F930-46D8-8BDE-0E6CD232DF77}"/>
              </a:ext>
            </a:extLst>
          </p:cNvPr>
          <p:cNvSpPr txBox="1"/>
          <p:nvPr>
            <p:custDataLst>
              <p:tags r:id="rId9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88" name="OTLSHAPE_SLT_71feb0897c2b47d28678366d0661913b_EndDate" hidden="1">
            <a:extLst>
              <a:ext uri="{FF2B5EF4-FFF2-40B4-BE49-F238E27FC236}">
                <a16:creationId xmlns:a16="http://schemas.microsoft.com/office/drawing/2014/main" id="{1712B2B8-791C-49B2-8604-FC02A01E9171}"/>
              </a:ext>
            </a:extLst>
          </p:cNvPr>
          <p:cNvSpPr txBox="1"/>
          <p:nvPr>
            <p:custDataLst>
              <p:tags r:id="rId93"/>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90" name="OTLSHAPE_SLT_fa8886b769a54c02817aaba54576e921_TextPercentage" hidden="1">
            <a:extLst>
              <a:ext uri="{FF2B5EF4-FFF2-40B4-BE49-F238E27FC236}">
                <a16:creationId xmlns:a16="http://schemas.microsoft.com/office/drawing/2014/main" id="{3033AC26-43A8-4E6B-9774-B7246BC6492B}"/>
              </a:ext>
            </a:extLst>
          </p:cNvPr>
          <p:cNvSpPr txBox="1"/>
          <p:nvPr>
            <p:custDataLst>
              <p:tags r:id="rId9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91" name="OTLSHAPE_SLT_fa8886b769a54c02817aaba54576e921_JoinedDate" hidden="1">
            <a:extLst>
              <a:ext uri="{FF2B5EF4-FFF2-40B4-BE49-F238E27FC236}">
                <a16:creationId xmlns:a16="http://schemas.microsoft.com/office/drawing/2014/main" id="{2B5B29C5-18C7-4AE6-8CF5-0CE4019A6F3A}"/>
              </a:ext>
            </a:extLst>
          </p:cNvPr>
          <p:cNvSpPr txBox="1"/>
          <p:nvPr>
            <p:custDataLst>
              <p:tags r:id="rId95"/>
            </p:custDataLst>
          </p:nvPr>
        </p:nvSpPr>
        <p:spPr>
          <a:xfrm>
            <a:off x="12700" y="-541298"/>
            <a:ext cx="6604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pr 1 - Sep 1</a:t>
            </a:r>
          </a:p>
        </p:txBody>
      </p:sp>
      <p:sp>
        <p:nvSpPr>
          <p:cNvPr id="92" name="OTLSHAPE_SLT_fa8886b769a54c02817aaba54576e921_StartDate" hidden="1">
            <a:extLst>
              <a:ext uri="{FF2B5EF4-FFF2-40B4-BE49-F238E27FC236}">
                <a16:creationId xmlns:a16="http://schemas.microsoft.com/office/drawing/2014/main" id="{D700CB2C-B164-4144-A153-FF4BBA80D3C9}"/>
              </a:ext>
            </a:extLst>
          </p:cNvPr>
          <p:cNvSpPr txBox="1"/>
          <p:nvPr>
            <p:custDataLst>
              <p:tags r:id="rId9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93" name="OTLSHAPE_SLT_fa8886b769a54c02817aaba54576e921_EndDate" hidden="1">
            <a:extLst>
              <a:ext uri="{FF2B5EF4-FFF2-40B4-BE49-F238E27FC236}">
                <a16:creationId xmlns:a16="http://schemas.microsoft.com/office/drawing/2014/main" id="{3955DF29-F36A-47A3-92FE-C374C852DA14}"/>
              </a:ext>
            </a:extLst>
          </p:cNvPr>
          <p:cNvSpPr txBox="1"/>
          <p:nvPr>
            <p:custDataLst>
              <p:tags r:id="rId9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96" name="OTLSHAPE_SLT_a0005013d1434eca8799fe0021a266e0_Duration" hidden="1">
            <a:extLst>
              <a:ext uri="{FF2B5EF4-FFF2-40B4-BE49-F238E27FC236}">
                <a16:creationId xmlns:a16="http://schemas.microsoft.com/office/drawing/2014/main" id="{7AEC0723-F1FA-4374-AC19-2627058BED79}"/>
              </a:ext>
            </a:extLst>
          </p:cNvPr>
          <p:cNvSpPr txBox="1"/>
          <p:nvPr>
            <p:custDataLst>
              <p:tags r:id="rId98"/>
            </p:custDataLst>
          </p:nvPr>
        </p:nvSpPr>
        <p:spPr>
          <a:xfrm>
            <a:off x="12700" y="-310466"/>
            <a:ext cx="4064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1" i="0" u="none" strike="noStrike" kern="1200" cap="none" spc="0" normalizeH="0" baseline="0" noProof="0">
                <a:ln>
                  <a:noFill/>
                </a:ln>
                <a:solidFill>
                  <a:srgbClr val="44546A"/>
                </a:solidFill>
                <a:effectLst/>
                <a:uLnTx/>
                <a:uFillTx/>
                <a:latin typeface="Calibri" panose="020F0502020204030204" pitchFamily="34" charset="0"/>
                <a:ea typeface="+mn-ea"/>
                <a:cs typeface="+mn-cs"/>
              </a:rPr>
              <a:t>7.1 wks</a:t>
            </a:r>
          </a:p>
        </p:txBody>
      </p:sp>
      <p:sp>
        <p:nvSpPr>
          <p:cNvPr id="97" name="OTLSHAPE_SLT_a0005013d1434eca8799fe0021a266e0_TextPercentage" hidden="1">
            <a:extLst>
              <a:ext uri="{FF2B5EF4-FFF2-40B4-BE49-F238E27FC236}">
                <a16:creationId xmlns:a16="http://schemas.microsoft.com/office/drawing/2014/main" id="{8040AE05-67DC-4A18-8326-EBD75E186F08}"/>
              </a:ext>
            </a:extLst>
          </p:cNvPr>
          <p:cNvSpPr txBox="1"/>
          <p:nvPr>
            <p:custDataLst>
              <p:tags r:id="rId9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98" name="OTLSHAPE_SLT_a0005013d1434eca8799fe0021a266e0_JoinedDate" hidden="1">
            <a:extLst>
              <a:ext uri="{FF2B5EF4-FFF2-40B4-BE49-F238E27FC236}">
                <a16:creationId xmlns:a16="http://schemas.microsoft.com/office/drawing/2014/main" id="{6605FBD2-43B4-4C10-9395-9A425E794609}"/>
              </a:ext>
            </a:extLst>
          </p:cNvPr>
          <p:cNvSpPr txBox="1"/>
          <p:nvPr>
            <p:custDataLst>
              <p:tags r:id="rId100"/>
            </p:custDataLst>
          </p:nvPr>
        </p:nvSpPr>
        <p:spPr>
          <a:xfrm>
            <a:off x="12700" y="-618242"/>
            <a:ext cx="7239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Sep 1 - Oct 21</a:t>
            </a:r>
          </a:p>
        </p:txBody>
      </p:sp>
      <p:sp>
        <p:nvSpPr>
          <p:cNvPr id="99" name="OTLSHAPE_SLT_a0005013d1434eca8799fe0021a266e0_StartDate" hidden="1">
            <a:extLst>
              <a:ext uri="{FF2B5EF4-FFF2-40B4-BE49-F238E27FC236}">
                <a16:creationId xmlns:a16="http://schemas.microsoft.com/office/drawing/2014/main" id="{DD42F0D9-A74A-4BC5-99F4-488152338C2B}"/>
              </a:ext>
            </a:extLst>
          </p:cNvPr>
          <p:cNvSpPr txBox="1"/>
          <p:nvPr>
            <p:custDataLst>
              <p:tags r:id="rId10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00" name="OTLSHAPE_SLT_a0005013d1434eca8799fe0021a266e0_EndDate" hidden="1">
            <a:extLst>
              <a:ext uri="{FF2B5EF4-FFF2-40B4-BE49-F238E27FC236}">
                <a16:creationId xmlns:a16="http://schemas.microsoft.com/office/drawing/2014/main" id="{F40393B6-EBA7-4B0E-82EC-40509F34BD09}"/>
              </a:ext>
            </a:extLst>
          </p:cNvPr>
          <p:cNvSpPr txBox="1"/>
          <p:nvPr>
            <p:custDataLst>
              <p:tags r:id="rId102"/>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04" name="OTLSHAPE_SLT_db841b2dc0b5434e83008cd4d4e540bc_Duration" hidden="1">
            <a:extLst>
              <a:ext uri="{FF2B5EF4-FFF2-40B4-BE49-F238E27FC236}">
                <a16:creationId xmlns:a16="http://schemas.microsoft.com/office/drawing/2014/main" id="{E1099E04-D868-4E6A-A416-BE4B118349E4}"/>
              </a:ext>
            </a:extLst>
          </p:cNvPr>
          <p:cNvSpPr txBox="1"/>
          <p:nvPr>
            <p:custDataLst>
              <p:tags r:id="rId103"/>
            </p:custDataLst>
          </p:nvPr>
        </p:nvSpPr>
        <p:spPr>
          <a:xfrm>
            <a:off x="12700" y="-464354"/>
            <a:ext cx="4953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6.9 days</a:t>
            </a:r>
          </a:p>
        </p:txBody>
      </p:sp>
      <p:sp>
        <p:nvSpPr>
          <p:cNvPr id="105" name="OTLSHAPE_SLT_db841b2dc0b5434e83008cd4d4e540bc_TextPercentage" hidden="1">
            <a:extLst>
              <a:ext uri="{FF2B5EF4-FFF2-40B4-BE49-F238E27FC236}">
                <a16:creationId xmlns:a16="http://schemas.microsoft.com/office/drawing/2014/main" id="{0E428E41-1C06-40E4-AFB7-56D0E8FE8429}"/>
              </a:ext>
            </a:extLst>
          </p:cNvPr>
          <p:cNvSpPr txBox="1"/>
          <p:nvPr>
            <p:custDataLst>
              <p:tags r:id="rId10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106" name="OTLSHAPE_SLT_db841b2dc0b5434e83008cd4d4e540bc_JoinedDate" hidden="1">
            <a:extLst>
              <a:ext uri="{FF2B5EF4-FFF2-40B4-BE49-F238E27FC236}">
                <a16:creationId xmlns:a16="http://schemas.microsoft.com/office/drawing/2014/main" id="{180343EE-F7AB-40E0-B6F1-B18756D7397F}"/>
              </a:ext>
            </a:extLst>
          </p:cNvPr>
          <p:cNvSpPr txBox="1"/>
          <p:nvPr>
            <p:custDataLst>
              <p:tags r:id="rId105"/>
            </p:custDataLst>
          </p:nvPr>
        </p:nvSpPr>
        <p:spPr>
          <a:xfrm>
            <a:off x="12700" y="-695186"/>
            <a:ext cx="787400" cy="16510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Oct 21 - Dec 25</a:t>
            </a:r>
          </a:p>
        </p:txBody>
      </p:sp>
      <p:sp>
        <p:nvSpPr>
          <p:cNvPr id="107" name="OTLSHAPE_SLT_db841b2dc0b5434e83008cd4d4e540bc_StartDate" hidden="1">
            <a:extLst>
              <a:ext uri="{FF2B5EF4-FFF2-40B4-BE49-F238E27FC236}">
                <a16:creationId xmlns:a16="http://schemas.microsoft.com/office/drawing/2014/main" id="{8843F98A-7A20-40E4-A42A-4925E620682B}"/>
              </a:ext>
            </a:extLst>
          </p:cNvPr>
          <p:cNvSpPr txBox="1"/>
          <p:nvPr>
            <p:custDataLst>
              <p:tags r:id="rId10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08" name="OTLSHAPE_SLT_db841b2dc0b5434e83008cd4d4e540bc_EndDate" hidden="1">
            <a:extLst>
              <a:ext uri="{FF2B5EF4-FFF2-40B4-BE49-F238E27FC236}">
                <a16:creationId xmlns:a16="http://schemas.microsoft.com/office/drawing/2014/main" id="{3CFEAAF7-B974-43E7-A055-775DB525BA5C}"/>
              </a:ext>
            </a:extLst>
          </p:cNvPr>
          <p:cNvSpPr txBox="1"/>
          <p:nvPr>
            <p:custDataLst>
              <p:tags r:id="rId10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31" name="OTLSHAPE_SLM_27e0e90c8e61460f88da93ab404fc85d_Date" hidden="1">
            <a:extLst>
              <a:ext uri="{FF2B5EF4-FFF2-40B4-BE49-F238E27FC236}">
                <a16:creationId xmlns:a16="http://schemas.microsoft.com/office/drawing/2014/main" id="{C3691E3D-4821-4572-BF42-C1C2A1C15A41}"/>
              </a:ext>
            </a:extLst>
          </p:cNvPr>
          <p:cNvSpPr txBox="1"/>
          <p:nvPr>
            <p:custDataLst>
              <p:tags r:id="rId108"/>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Dec 20</a:t>
            </a:r>
          </a:p>
        </p:txBody>
      </p:sp>
      <p:sp>
        <p:nvSpPr>
          <p:cNvPr id="132" name="OTLSHAPE_SLM_05f5e22b071042a1a1dc59615bb4c469_Date" hidden="1">
            <a:extLst>
              <a:ext uri="{FF2B5EF4-FFF2-40B4-BE49-F238E27FC236}">
                <a16:creationId xmlns:a16="http://schemas.microsoft.com/office/drawing/2014/main" id="{D0B48D76-9C28-472F-AB1D-7CDCF06057BA}"/>
              </a:ext>
            </a:extLst>
          </p:cNvPr>
          <p:cNvSpPr txBox="1"/>
          <p:nvPr>
            <p:custDataLst>
              <p:tags r:id="rId109"/>
            </p:custDataLst>
          </p:nvPr>
        </p:nvSpPr>
        <p:spPr>
          <a:xfrm>
            <a:off x="12700" y="-156577"/>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pr 1</a:t>
            </a:r>
          </a:p>
        </p:txBody>
      </p:sp>
      <p:sp>
        <p:nvSpPr>
          <p:cNvPr id="134" name="OTLSHAPE_SLM_38f7caf9b7404674b5040d0ab204f9f9_Date" hidden="1">
            <a:extLst>
              <a:ext uri="{FF2B5EF4-FFF2-40B4-BE49-F238E27FC236}">
                <a16:creationId xmlns:a16="http://schemas.microsoft.com/office/drawing/2014/main" id="{18D440D9-C674-4FEA-B24D-B61F3C73ED42}"/>
              </a:ext>
            </a:extLst>
          </p:cNvPr>
          <p:cNvSpPr txBox="1"/>
          <p:nvPr>
            <p:custDataLst>
              <p:tags r:id="rId110"/>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ug 10</a:t>
            </a:r>
          </a:p>
        </p:txBody>
      </p:sp>
      <p:sp>
        <p:nvSpPr>
          <p:cNvPr id="135" name="OTLSHAPE_SLM_5024da5f4d8841748a89544126f9da82_Date" hidden="1">
            <a:extLst>
              <a:ext uri="{FF2B5EF4-FFF2-40B4-BE49-F238E27FC236}">
                <a16:creationId xmlns:a16="http://schemas.microsoft.com/office/drawing/2014/main" id="{0D51E0D9-0E28-4755-A5C8-4BDAEFE06D17}"/>
              </a:ext>
            </a:extLst>
          </p:cNvPr>
          <p:cNvSpPr txBox="1"/>
          <p:nvPr>
            <p:custDataLst>
              <p:tags r:id="rId111"/>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Oct 19</a:t>
            </a:r>
          </a:p>
        </p:txBody>
      </p:sp>
      <p:sp>
        <p:nvSpPr>
          <p:cNvPr id="136" name="OTLSHAPE_SLM_42c1a0ca0ec74680a58bbd3c49f9125b_Date" hidden="1">
            <a:extLst>
              <a:ext uri="{FF2B5EF4-FFF2-40B4-BE49-F238E27FC236}">
                <a16:creationId xmlns:a16="http://schemas.microsoft.com/office/drawing/2014/main" id="{FA10EC18-0DE8-470B-95B1-C97583EAAE23}"/>
              </a:ext>
            </a:extLst>
          </p:cNvPr>
          <p:cNvSpPr txBox="1"/>
          <p:nvPr>
            <p:custDataLst>
              <p:tags r:id="rId112"/>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May 19</a:t>
            </a:r>
          </a:p>
        </p:txBody>
      </p:sp>
      <p:sp>
        <p:nvSpPr>
          <p:cNvPr id="137" name="OTLSHAPE_SLM_0fe6e6c4d349427c81caccf576ba460c_Date" hidden="1">
            <a:extLst>
              <a:ext uri="{FF2B5EF4-FFF2-40B4-BE49-F238E27FC236}">
                <a16:creationId xmlns:a16="http://schemas.microsoft.com/office/drawing/2014/main" id="{1B69F2CA-3FA0-46AB-ADFC-CE5B3421B69A}"/>
              </a:ext>
            </a:extLst>
          </p:cNvPr>
          <p:cNvSpPr txBox="1"/>
          <p:nvPr>
            <p:custDataLst>
              <p:tags r:id="rId113"/>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Oct 18</a:t>
            </a:r>
          </a:p>
        </p:txBody>
      </p:sp>
      <p:sp>
        <p:nvSpPr>
          <p:cNvPr id="138" name="OTLSHAPE_SLM_7695617a14a84c95a269c6cd4b4f335a_Date" hidden="1">
            <a:extLst>
              <a:ext uri="{FF2B5EF4-FFF2-40B4-BE49-F238E27FC236}">
                <a16:creationId xmlns:a16="http://schemas.microsoft.com/office/drawing/2014/main" id="{26236833-B1EC-4E71-9FAF-7436BE028967}"/>
              </a:ext>
            </a:extLst>
          </p:cNvPr>
          <p:cNvSpPr txBox="1"/>
          <p:nvPr>
            <p:custDataLst>
              <p:tags r:id="rId114"/>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Dec 21</a:t>
            </a:r>
          </a:p>
        </p:txBody>
      </p:sp>
      <p:cxnSp>
        <p:nvCxnSpPr>
          <p:cNvPr id="401" name="OTLSHAPE_TB_00000000000000000000000000000000_Separator1">
            <a:extLst>
              <a:ext uri="{FF2B5EF4-FFF2-40B4-BE49-F238E27FC236}">
                <a16:creationId xmlns:a16="http://schemas.microsoft.com/office/drawing/2014/main" id="{EFF250CC-0807-44FD-A6E3-DF65A374E1D0}"/>
              </a:ext>
            </a:extLst>
          </p:cNvPr>
          <p:cNvCxnSpPr/>
          <p:nvPr>
            <p:custDataLst>
              <p:tags r:id="rId115"/>
            </p:custDataLst>
          </p:nvPr>
        </p:nvCxnSpPr>
        <p:spPr>
          <a:xfrm>
            <a:off x="4074772" y="1597470"/>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2" name="OTLSHAPE_TB_00000000000000000000000000000000_Separator2">
            <a:extLst>
              <a:ext uri="{FF2B5EF4-FFF2-40B4-BE49-F238E27FC236}">
                <a16:creationId xmlns:a16="http://schemas.microsoft.com/office/drawing/2014/main" id="{7177E166-5FD2-4461-A27E-9D228701EEC7}"/>
              </a:ext>
            </a:extLst>
          </p:cNvPr>
          <p:cNvCxnSpPr/>
          <p:nvPr>
            <p:custDataLst>
              <p:tags r:id="rId116"/>
            </p:custDataLst>
          </p:nvPr>
        </p:nvCxnSpPr>
        <p:spPr>
          <a:xfrm>
            <a:off x="6668269" y="1597470"/>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3" name="OTLSHAPE_TB_00000000000000000000000000000000_Separator3">
            <a:extLst>
              <a:ext uri="{FF2B5EF4-FFF2-40B4-BE49-F238E27FC236}">
                <a16:creationId xmlns:a16="http://schemas.microsoft.com/office/drawing/2014/main" id="{2FAAE1BE-551C-4F35-A2FA-C7B15464874A}"/>
              </a:ext>
            </a:extLst>
          </p:cNvPr>
          <p:cNvCxnSpPr/>
          <p:nvPr>
            <p:custDataLst>
              <p:tags r:id="rId117"/>
            </p:custDataLst>
          </p:nvPr>
        </p:nvCxnSpPr>
        <p:spPr>
          <a:xfrm>
            <a:off x="9290265" y="1597470"/>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4" name="OTLSHAPE_M_ad52e739797946d7bd463b006c06394d_Shape">
            <a:extLst>
              <a:ext uri="{FF2B5EF4-FFF2-40B4-BE49-F238E27FC236}">
                <a16:creationId xmlns:a16="http://schemas.microsoft.com/office/drawing/2014/main" id="{9F099775-87FE-4D93-AF37-E240D5765B0D}"/>
              </a:ext>
            </a:extLst>
          </p:cNvPr>
          <p:cNvSpPr/>
          <p:nvPr>
            <p:custDataLst>
              <p:tags r:id="rId118"/>
            </p:custDataLst>
          </p:nvPr>
        </p:nvSpPr>
        <p:spPr>
          <a:xfrm>
            <a:off x="3960453" y="1318070"/>
            <a:ext cx="228600" cy="254000"/>
          </a:xfrm>
          <a:prstGeom prst="flowChartManualOperation">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55" name="OTLSHAPE_M_4a076ebd25c146989ebf5900a5b4447e_Shape">
            <a:extLst>
              <a:ext uri="{FF2B5EF4-FFF2-40B4-BE49-F238E27FC236}">
                <a16:creationId xmlns:a16="http://schemas.microsoft.com/office/drawing/2014/main" id="{A0897136-47F9-4312-80A9-EB5B3AD26F7B}"/>
              </a:ext>
            </a:extLst>
          </p:cNvPr>
          <p:cNvSpPr/>
          <p:nvPr>
            <p:custDataLst>
              <p:tags r:id="rId119"/>
            </p:custDataLst>
          </p:nvPr>
        </p:nvSpPr>
        <p:spPr>
          <a:xfrm>
            <a:off x="6553949" y="1306892"/>
            <a:ext cx="228600" cy="254000"/>
          </a:xfrm>
          <a:prstGeom prst="flowChartManualOperation">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56" name="OTLSHAPE_M_db4393fafb20429da7667ad39271af50_Shape">
            <a:extLst>
              <a:ext uri="{FF2B5EF4-FFF2-40B4-BE49-F238E27FC236}">
                <a16:creationId xmlns:a16="http://schemas.microsoft.com/office/drawing/2014/main" id="{6E59FB29-E022-4225-831B-1BF545F1F193}"/>
              </a:ext>
            </a:extLst>
          </p:cNvPr>
          <p:cNvSpPr/>
          <p:nvPr>
            <p:custDataLst>
              <p:tags r:id="rId120"/>
            </p:custDataLst>
          </p:nvPr>
        </p:nvSpPr>
        <p:spPr>
          <a:xfrm>
            <a:off x="9173032" y="1318070"/>
            <a:ext cx="228600" cy="254000"/>
          </a:xfrm>
          <a:prstGeom prst="flowChartManualOperation">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57" name="OTLSHAPE_M_d13f186547184bbb84e3129eee9c4279_Shape">
            <a:extLst>
              <a:ext uri="{FF2B5EF4-FFF2-40B4-BE49-F238E27FC236}">
                <a16:creationId xmlns:a16="http://schemas.microsoft.com/office/drawing/2014/main" id="{D30EF0F2-D44A-4AF4-A21C-F1CCBF7B9302}"/>
              </a:ext>
            </a:extLst>
          </p:cNvPr>
          <p:cNvSpPr/>
          <p:nvPr>
            <p:custDataLst>
              <p:tags r:id="rId121"/>
            </p:custDataLst>
          </p:nvPr>
        </p:nvSpPr>
        <p:spPr>
          <a:xfrm>
            <a:off x="11484442" y="1318070"/>
            <a:ext cx="228600" cy="254000"/>
          </a:xfrm>
          <a:prstGeom prst="flowChartManualOperation">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OTLSHAPE_M_db4393fafb20429da7667ad39271af50_Title">
            <a:extLst>
              <a:ext uri="{FF2B5EF4-FFF2-40B4-BE49-F238E27FC236}">
                <a16:creationId xmlns:a16="http://schemas.microsoft.com/office/drawing/2014/main" id="{EFDD6F16-A662-4663-96CD-4159120252E3}"/>
              </a:ext>
            </a:extLst>
          </p:cNvPr>
          <p:cNvSpPr txBox="1"/>
          <p:nvPr>
            <p:custDataLst>
              <p:tags r:id="rId122"/>
            </p:custDataLst>
          </p:nvPr>
        </p:nvSpPr>
        <p:spPr>
          <a:xfrm>
            <a:off x="8278277" y="1088919"/>
            <a:ext cx="2018109"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0" normalizeH="0" baseline="0" noProof="0">
                <a:ln>
                  <a:noFill/>
                </a:ln>
                <a:solidFill>
                  <a:prstClr val="black"/>
                </a:solidFill>
                <a:effectLst/>
                <a:uLnTx/>
                <a:uFillTx/>
                <a:latin typeface="Calibri" panose="020F0502020204030204" pitchFamily="34" charset="0"/>
                <a:ea typeface="+mn-ea"/>
                <a:cs typeface="+mn-cs"/>
              </a:rPr>
              <a:t>Semester Presentation</a:t>
            </a:r>
          </a:p>
        </p:txBody>
      </p:sp>
      <p:sp>
        <p:nvSpPr>
          <p:cNvPr id="29" name="OTLSHAPE_M_ad52e739797946d7bd463b006c06394d_Title">
            <a:extLst>
              <a:ext uri="{FF2B5EF4-FFF2-40B4-BE49-F238E27FC236}">
                <a16:creationId xmlns:a16="http://schemas.microsoft.com/office/drawing/2014/main" id="{21839672-264B-4DB4-A884-9A8E74029E54}"/>
              </a:ext>
            </a:extLst>
          </p:cNvPr>
          <p:cNvSpPr txBox="1"/>
          <p:nvPr>
            <p:custDataLst>
              <p:tags r:id="rId123"/>
            </p:custDataLst>
          </p:nvPr>
        </p:nvSpPr>
        <p:spPr>
          <a:xfrm>
            <a:off x="3277072" y="1089926"/>
            <a:ext cx="1640747"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0" normalizeH="0" baseline="0" noProof="0">
                <a:ln>
                  <a:noFill/>
                </a:ln>
                <a:solidFill>
                  <a:prstClr val="black"/>
                </a:solidFill>
                <a:effectLst/>
                <a:uLnTx/>
                <a:uFillTx/>
                <a:latin typeface="Calibri" panose="020F0502020204030204" pitchFamily="34" charset="0"/>
                <a:ea typeface="+mn-ea"/>
                <a:cs typeface="+mn-cs"/>
              </a:rPr>
              <a:t>Status Presentation 1</a:t>
            </a:r>
          </a:p>
        </p:txBody>
      </p:sp>
      <p:sp>
        <p:nvSpPr>
          <p:cNvPr id="133" name="OTLSHAPE_M_4a076ebd25c146989ebf5900a5b4447e_Title">
            <a:extLst>
              <a:ext uri="{FF2B5EF4-FFF2-40B4-BE49-F238E27FC236}">
                <a16:creationId xmlns:a16="http://schemas.microsoft.com/office/drawing/2014/main" id="{30974211-CF09-4AFF-B4E3-B5C84228A7D6}"/>
              </a:ext>
            </a:extLst>
          </p:cNvPr>
          <p:cNvSpPr txBox="1"/>
          <p:nvPr>
            <p:custDataLst>
              <p:tags r:id="rId124"/>
            </p:custDataLst>
          </p:nvPr>
        </p:nvSpPr>
        <p:spPr>
          <a:xfrm>
            <a:off x="5789631" y="1089883"/>
            <a:ext cx="1709711"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0" normalizeH="0" baseline="0" noProof="0">
                <a:ln>
                  <a:noFill/>
                </a:ln>
                <a:solidFill>
                  <a:prstClr val="black"/>
                </a:solidFill>
                <a:effectLst/>
                <a:uLnTx/>
                <a:uFillTx/>
                <a:latin typeface="Calibri" panose="020F0502020204030204" pitchFamily="34" charset="0"/>
                <a:ea typeface="+mn-ea"/>
                <a:cs typeface="+mn-cs"/>
              </a:rPr>
              <a:t>Status Presentation 2</a:t>
            </a:r>
          </a:p>
        </p:txBody>
      </p:sp>
      <p:sp>
        <p:nvSpPr>
          <p:cNvPr id="145" name="OTLSHAPE_M_d13f186547184bbb84e3129eee9c4279_Title">
            <a:extLst>
              <a:ext uri="{FF2B5EF4-FFF2-40B4-BE49-F238E27FC236}">
                <a16:creationId xmlns:a16="http://schemas.microsoft.com/office/drawing/2014/main" id="{57D2FEF3-51F5-42C6-AA2A-9B6E82C7FBD0}"/>
              </a:ext>
            </a:extLst>
          </p:cNvPr>
          <p:cNvSpPr txBox="1"/>
          <p:nvPr>
            <p:custDataLst>
              <p:tags r:id="rId125"/>
            </p:custDataLst>
          </p:nvPr>
        </p:nvSpPr>
        <p:spPr>
          <a:xfrm>
            <a:off x="10756915" y="1092864"/>
            <a:ext cx="1494522"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0" normalizeH="0" baseline="0" noProof="0">
                <a:ln>
                  <a:noFill/>
                </a:ln>
                <a:solidFill>
                  <a:prstClr val="black"/>
                </a:solidFill>
                <a:effectLst/>
                <a:uLnTx/>
                <a:uFillTx/>
                <a:latin typeface="Calibri" panose="020F0502020204030204" pitchFamily="34" charset="0"/>
                <a:ea typeface="+mn-ea"/>
                <a:cs typeface="+mn-cs"/>
              </a:rPr>
              <a:t>Final Presentation</a:t>
            </a:r>
          </a:p>
        </p:txBody>
      </p:sp>
      <p:sp>
        <p:nvSpPr>
          <p:cNvPr id="15" name="OTLSHAPE_M_ad52e739797946d7bd463b006c06394d_Date" hidden="1">
            <a:extLst>
              <a:ext uri="{FF2B5EF4-FFF2-40B4-BE49-F238E27FC236}">
                <a16:creationId xmlns:a16="http://schemas.microsoft.com/office/drawing/2014/main" id="{070372F7-5885-4C55-854D-2C1876F53C88}"/>
              </a:ext>
            </a:extLst>
          </p:cNvPr>
          <p:cNvSpPr txBox="1"/>
          <p:nvPr>
            <p:custDataLst>
              <p:tags r:id="rId126"/>
            </p:custDataLst>
          </p:nvPr>
        </p:nvSpPr>
        <p:spPr>
          <a:xfrm>
            <a:off x="12700" y="-464354"/>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2021/Mar</a:t>
            </a:r>
          </a:p>
        </p:txBody>
      </p:sp>
      <p:sp>
        <p:nvSpPr>
          <p:cNvPr id="18" name="OTLSHAPE_M_4a076ebd25c146989ebf5900a5b4447e_Date" hidden="1">
            <a:extLst>
              <a:ext uri="{FF2B5EF4-FFF2-40B4-BE49-F238E27FC236}">
                <a16:creationId xmlns:a16="http://schemas.microsoft.com/office/drawing/2014/main" id="{F33EFF52-70B0-4277-AB8A-27A1C0EC9E32}"/>
              </a:ext>
            </a:extLst>
          </p:cNvPr>
          <p:cNvSpPr txBox="1"/>
          <p:nvPr>
            <p:custDataLst>
              <p:tags r:id="rId127"/>
            </p:custDataLst>
          </p:nvPr>
        </p:nvSpPr>
        <p:spPr>
          <a:xfrm>
            <a:off x="12700" y="-464354"/>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2021/Jul</a:t>
            </a:r>
          </a:p>
        </p:txBody>
      </p:sp>
      <p:sp>
        <p:nvSpPr>
          <p:cNvPr id="19" name="OTLSHAPE_M_db4393fafb20429da7667ad39271af50_Date" hidden="1">
            <a:extLst>
              <a:ext uri="{FF2B5EF4-FFF2-40B4-BE49-F238E27FC236}">
                <a16:creationId xmlns:a16="http://schemas.microsoft.com/office/drawing/2014/main" id="{89FACDC1-3581-4535-8CCE-48B6BAFEEB57}"/>
              </a:ext>
            </a:extLst>
          </p:cNvPr>
          <p:cNvSpPr txBox="1"/>
          <p:nvPr>
            <p:custDataLst>
              <p:tags r:id="rId128"/>
            </p:custDataLst>
          </p:nvPr>
        </p:nvSpPr>
        <p:spPr>
          <a:xfrm>
            <a:off x="12700" y="-464354"/>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2021/Sep</a:t>
            </a:r>
          </a:p>
        </p:txBody>
      </p:sp>
      <p:sp>
        <p:nvSpPr>
          <p:cNvPr id="21" name="OTLSHAPE_M_d13f186547184bbb84e3129eee9c4279_Date" hidden="1">
            <a:extLst>
              <a:ext uri="{FF2B5EF4-FFF2-40B4-BE49-F238E27FC236}">
                <a16:creationId xmlns:a16="http://schemas.microsoft.com/office/drawing/2014/main" id="{A057E909-0BD4-400D-A573-0E9E72B1661B}"/>
              </a:ext>
            </a:extLst>
          </p:cNvPr>
          <p:cNvSpPr txBox="1"/>
          <p:nvPr>
            <p:custDataLst>
              <p:tags r:id="rId129"/>
            </p:custDataLst>
          </p:nvPr>
        </p:nvSpPr>
        <p:spPr>
          <a:xfrm>
            <a:off x="12700" y="-464354"/>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2021/Dec</a:t>
            </a:r>
          </a:p>
        </p:txBody>
      </p:sp>
      <p:sp>
        <p:nvSpPr>
          <p:cNvPr id="140" name="OTLSHAPE_SLA_966ac8e38d974bfeae23890a126b2a79_Title" hidden="1">
            <a:extLst>
              <a:ext uri="{FF2B5EF4-FFF2-40B4-BE49-F238E27FC236}">
                <a16:creationId xmlns:a16="http://schemas.microsoft.com/office/drawing/2014/main" id="{5F820DFC-EF7B-4913-BFB6-2041E513A25B}"/>
              </a:ext>
            </a:extLst>
          </p:cNvPr>
          <p:cNvSpPr txBox="1"/>
          <p:nvPr>
            <p:custDataLst>
              <p:tags r:id="rId130"/>
            </p:custDataLst>
          </p:nvPr>
        </p:nvSpPr>
        <p:spPr>
          <a:xfrm>
            <a:off x="12700" y="-1033740"/>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Kickoff Meeting</a:t>
            </a:r>
          </a:p>
        </p:txBody>
      </p:sp>
      <p:sp>
        <p:nvSpPr>
          <p:cNvPr id="142" name="OTLSHAPE_SLA_966ac8e38d974bfeae23890a126b2a79_Date" hidden="1">
            <a:extLst>
              <a:ext uri="{FF2B5EF4-FFF2-40B4-BE49-F238E27FC236}">
                <a16:creationId xmlns:a16="http://schemas.microsoft.com/office/drawing/2014/main" id="{8BE1CA9C-2BBD-4A12-855E-20B424D59C9B}"/>
              </a:ext>
            </a:extLst>
          </p:cNvPr>
          <p:cNvSpPr txBox="1"/>
          <p:nvPr>
            <p:custDataLst>
              <p:tags r:id="rId131"/>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an 16</a:t>
            </a:r>
          </a:p>
        </p:txBody>
      </p:sp>
      <p:sp>
        <p:nvSpPr>
          <p:cNvPr id="144" name="OTLSHAPE_SLA_3999f18e2c61454cadfd7ea463d2536b_Title" hidden="1">
            <a:extLst>
              <a:ext uri="{FF2B5EF4-FFF2-40B4-BE49-F238E27FC236}">
                <a16:creationId xmlns:a16="http://schemas.microsoft.com/office/drawing/2014/main" id="{95504CE2-D5B6-427F-A3B0-7741DD11310B}"/>
              </a:ext>
            </a:extLst>
          </p:cNvPr>
          <p:cNvSpPr txBox="1"/>
          <p:nvPr>
            <p:custDataLst>
              <p:tags r:id="rId132"/>
            </p:custDataLst>
          </p:nvPr>
        </p:nvSpPr>
        <p:spPr>
          <a:xfrm>
            <a:off x="12700" y="-779824"/>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KPIs Defined</a:t>
            </a:r>
          </a:p>
        </p:txBody>
      </p:sp>
      <p:sp>
        <p:nvSpPr>
          <p:cNvPr id="146" name="OTLSHAPE_SLA_3999f18e2c61454cadfd7ea463d2536b_Date" hidden="1">
            <a:extLst>
              <a:ext uri="{FF2B5EF4-FFF2-40B4-BE49-F238E27FC236}">
                <a16:creationId xmlns:a16="http://schemas.microsoft.com/office/drawing/2014/main" id="{88058161-5E37-4A10-B220-94735405BA13}"/>
              </a:ext>
            </a:extLst>
          </p:cNvPr>
          <p:cNvSpPr txBox="1"/>
          <p:nvPr>
            <p:custDataLst>
              <p:tags r:id="rId133"/>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Mar 31</a:t>
            </a:r>
          </a:p>
        </p:txBody>
      </p:sp>
      <p:sp>
        <p:nvSpPr>
          <p:cNvPr id="150" name="OTLSHAPE_SLA_0723a534b8b04d848ad49d960b833b9c_Date" hidden="1">
            <a:extLst>
              <a:ext uri="{FF2B5EF4-FFF2-40B4-BE49-F238E27FC236}">
                <a16:creationId xmlns:a16="http://schemas.microsoft.com/office/drawing/2014/main" id="{BFCEAAF0-DA26-4AD6-BCAD-738A8491F548}"/>
              </a:ext>
            </a:extLst>
          </p:cNvPr>
          <p:cNvSpPr txBox="1"/>
          <p:nvPr>
            <p:custDataLst>
              <p:tags r:id="rId134"/>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Mar 31</a:t>
            </a:r>
          </a:p>
        </p:txBody>
      </p:sp>
      <p:sp>
        <p:nvSpPr>
          <p:cNvPr id="154" name="OTLSHAPE_SLA_5f22e295269f42e9b1ce98b4118ab3d0_Date" hidden="1">
            <a:extLst>
              <a:ext uri="{FF2B5EF4-FFF2-40B4-BE49-F238E27FC236}">
                <a16:creationId xmlns:a16="http://schemas.microsoft.com/office/drawing/2014/main" id="{993B83D2-247F-46A0-8A0A-EC7765525801}"/>
              </a:ext>
            </a:extLst>
          </p:cNvPr>
          <p:cNvSpPr txBox="1"/>
          <p:nvPr>
            <p:custDataLst>
              <p:tags r:id="rId135"/>
            </p:custDataLst>
          </p:nvPr>
        </p:nvSpPr>
        <p:spPr>
          <a:xfrm>
            <a:off x="12700" y="-156577"/>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un 7</a:t>
            </a:r>
          </a:p>
        </p:txBody>
      </p:sp>
      <p:sp>
        <p:nvSpPr>
          <p:cNvPr id="160" name="OTLSHAPE_SLA_8ed28b9183de4588a46ed4323066c28f_Date" hidden="1">
            <a:extLst>
              <a:ext uri="{FF2B5EF4-FFF2-40B4-BE49-F238E27FC236}">
                <a16:creationId xmlns:a16="http://schemas.microsoft.com/office/drawing/2014/main" id="{2A319C8E-360C-45BC-8358-C9F80C014D06}"/>
              </a:ext>
            </a:extLst>
          </p:cNvPr>
          <p:cNvSpPr txBox="1"/>
          <p:nvPr>
            <p:custDataLst>
              <p:tags r:id="rId136"/>
            </p:custDataLst>
          </p:nvPr>
        </p:nvSpPr>
        <p:spPr>
          <a:xfrm>
            <a:off x="12700" y="-233521"/>
            <a:ext cx="0" cy="0"/>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ul 28</a:t>
            </a:r>
          </a:p>
        </p:txBody>
      </p:sp>
      <p:sp>
        <p:nvSpPr>
          <p:cNvPr id="12" name="TextBox 11">
            <a:extLst>
              <a:ext uri="{FF2B5EF4-FFF2-40B4-BE49-F238E27FC236}">
                <a16:creationId xmlns:a16="http://schemas.microsoft.com/office/drawing/2014/main" id="{B95B1B5F-0817-4260-8D15-7B05D7A3D549}"/>
              </a:ext>
            </a:extLst>
          </p:cNvPr>
          <p:cNvSpPr txBox="1"/>
          <p:nvPr/>
        </p:nvSpPr>
        <p:spPr>
          <a:xfrm>
            <a:off x="1322376" y="160449"/>
            <a:ext cx="6490789" cy="70788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4000" b="0" i="0" u="none" strike="noStrike" kern="1200" cap="none" spc="0" normalizeH="0" baseline="0" noProof="0">
                <a:ln>
                  <a:noFill/>
                </a:ln>
                <a:solidFill>
                  <a:schemeClr val="tx2"/>
                </a:solidFill>
                <a:effectLst/>
                <a:uLnTx/>
                <a:uFillTx/>
                <a:latin typeface="Palatino Linotype" panose="02040502050505030304" pitchFamily="18" charset="0"/>
                <a:cs typeface="Segoe UI" panose="020B0502040204020203" pitchFamily="34" charset="0"/>
              </a:rPr>
              <a:t>Research Progression</a:t>
            </a:r>
            <a:endParaRPr kumimoji="0" lang="en-US" sz="4000" b="0" i="0" u="none" strike="noStrike" kern="1200" cap="none" spc="0" normalizeH="0" baseline="0" noProof="0">
              <a:ln>
                <a:noFill/>
              </a:ln>
              <a:solidFill>
                <a:schemeClr val="tx2"/>
              </a:solidFill>
              <a:effectLst/>
              <a:uLnTx/>
              <a:uFillTx/>
              <a:latin typeface="Palatino Linotype" panose="02040502050505030304" pitchFamily="18" charset="0"/>
              <a:cs typeface="Segoe UI" panose="020B0502040204020203" pitchFamily="34" charset="0"/>
            </a:endParaRPr>
          </a:p>
        </p:txBody>
      </p:sp>
      <p:sp>
        <p:nvSpPr>
          <p:cNvPr id="255" name="OTLSHAPE_TB_00000000000000000000000000000000_TimescaleInterval4">
            <a:extLst>
              <a:ext uri="{FF2B5EF4-FFF2-40B4-BE49-F238E27FC236}">
                <a16:creationId xmlns:a16="http://schemas.microsoft.com/office/drawing/2014/main" id="{6935B8F6-04F7-40E4-8003-7A77D55BF9AE}"/>
              </a:ext>
            </a:extLst>
          </p:cNvPr>
          <p:cNvSpPr txBox="1"/>
          <p:nvPr>
            <p:custDataLst>
              <p:tags r:id="rId137"/>
            </p:custDataLst>
          </p:nvPr>
        </p:nvSpPr>
        <p:spPr>
          <a:xfrm>
            <a:off x="1519343" y="1306788"/>
            <a:ext cx="368481"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30" normalizeH="0" baseline="0" noProof="0">
                <a:ln>
                  <a:noFill/>
                </a:ln>
                <a:solidFill>
                  <a:prstClr val="black"/>
                </a:solidFill>
                <a:effectLst/>
                <a:uLnTx/>
                <a:uFillTx/>
                <a:latin typeface="Calibri" panose="020F0502020204030204" pitchFamily="34" charset="0"/>
                <a:ea typeface="+mn-ea"/>
                <a:cs typeface="+mn-cs"/>
              </a:rPr>
              <a:t>2021</a:t>
            </a:r>
          </a:p>
        </p:txBody>
      </p:sp>
      <p:sp>
        <p:nvSpPr>
          <p:cNvPr id="256" name="OTLSHAPE_TB_00000000000000000000000000000000_TimescaleInterval4">
            <a:extLst>
              <a:ext uri="{FF2B5EF4-FFF2-40B4-BE49-F238E27FC236}">
                <a16:creationId xmlns:a16="http://schemas.microsoft.com/office/drawing/2014/main" id="{D61E19DE-AC27-4D47-9CC4-E0D46D51E43B}"/>
              </a:ext>
            </a:extLst>
          </p:cNvPr>
          <p:cNvSpPr txBox="1"/>
          <p:nvPr>
            <p:custDataLst>
              <p:tags r:id="rId138"/>
            </p:custDataLst>
          </p:nvPr>
        </p:nvSpPr>
        <p:spPr>
          <a:xfrm>
            <a:off x="9437418" y="1316518"/>
            <a:ext cx="368481"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30" normalizeH="0" baseline="0" noProof="0">
                <a:ln>
                  <a:noFill/>
                </a:ln>
                <a:solidFill>
                  <a:prstClr val="black"/>
                </a:solidFill>
                <a:effectLst/>
                <a:uLnTx/>
                <a:uFillTx/>
                <a:latin typeface="Calibri" panose="020F0502020204030204" pitchFamily="34" charset="0"/>
                <a:ea typeface="+mn-ea"/>
                <a:cs typeface="+mn-cs"/>
              </a:rPr>
              <a:t>2022</a:t>
            </a:r>
          </a:p>
        </p:txBody>
      </p:sp>
      <p:sp>
        <p:nvSpPr>
          <p:cNvPr id="257" name="OTLSHAPE_SL_9cf0b9a3b4064869b9ae748fb5efbb51_BackgroundRectangle">
            <a:extLst>
              <a:ext uri="{FF2B5EF4-FFF2-40B4-BE49-F238E27FC236}">
                <a16:creationId xmlns:a16="http://schemas.microsoft.com/office/drawing/2014/main" id="{5164B6AF-FB72-4C33-BA41-5769FE134EBE}"/>
              </a:ext>
            </a:extLst>
          </p:cNvPr>
          <p:cNvSpPr/>
          <p:nvPr>
            <p:custDataLst>
              <p:tags r:id="rId139"/>
            </p:custDataLst>
          </p:nvPr>
        </p:nvSpPr>
        <p:spPr>
          <a:xfrm>
            <a:off x="279400" y="3196461"/>
            <a:ext cx="11633200" cy="1099919"/>
          </a:xfrm>
          <a:prstGeom prst="rect">
            <a:avLst/>
          </a:prstGeom>
          <a:solidFill>
            <a:schemeClr val="accent4">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8" name="OTLSHAPE_SL_9cf0b9a3b4064869b9ae748fb5efbb51_HeaderRectangle">
            <a:extLst>
              <a:ext uri="{FF2B5EF4-FFF2-40B4-BE49-F238E27FC236}">
                <a16:creationId xmlns:a16="http://schemas.microsoft.com/office/drawing/2014/main" id="{49143C27-36E2-4621-8CED-E79E1458B246}"/>
              </a:ext>
            </a:extLst>
          </p:cNvPr>
          <p:cNvSpPr/>
          <p:nvPr>
            <p:custDataLst>
              <p:tags r:id="rId140"/>
            </p:custDataLst>
          </p:nvPr>
        </p:nvSpPr>
        <p:spPr>
          <a:xfrm>
            <a:off x="285428" y="3192977"/>
            <a:ext cx="1104900" cy="1104592"/>
          </a:xfrm>
          <a:prstGeom prst="rect">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9" name="OTLSHAPE_SLT_1f3ecdb523214d1c858ab8fb12392a13_Shape">
            <a:extLst>
              <a:ext uri="{FF2B5EF4-FFF2-40B4-BE49-F238E27FC236}">
                <a16:creationId xmlns:a16="http://schemas.microsoft.com/office/drawing/2014/main" id="{F2D4520A-38CE-47AD-95AE-365BEFB302E0}"/>
              </a:ext>
            </a:extLst>
          </p:cNvPr>
          <p:cNvSpPr/>
          <p:nvPr>
            <p:custDataLst>
              <p:tags r:id="rId141"/>
            </p:custDataLst>
          </p:nvPr>
        </p:nvSpPr>
        <p:spPr>
          <a:xfrm>
            <a:off x="1519344" y="3233890"/>
            <a:ext cx="2669708" cy="489705"/>
          </a:xfrm>
          <a:prstGeom prst="snip2DiagRect">
            <a:avLst>
              <a:gd name="adj1" fmla="val 100000"/>
              <a:gd name="adj2" fmla="val 16667"/>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60" name="OTLSHAPE_SL_9cf0b9a3b4064869b9ae748fb5efbb51_Header">
            <a:extLst>
              <a:ext uri="{FF2B5EF4-FFF2-40B4-BE49-F238E27FC236}">
                <a16:creationId xmlns:a16="http://schemas.microsoft.com/office/drawing/2014/main" id="{60C356A1-117F-47EE-945F-4A60AC3AC99E}"/>
              </a:ext>
            </a:extLst>
          </p:cNvPr>
          <p:cNvSpPr txBox="1"/>
          <p:nvPr>
            <p:custDataLst>
              <p:tags r:id="rId142"/>
            </p:custDataLst>
          </p:nvPr>
        </p:nvSpPr>
        <p:spPr>
          <a:xfrm>
            <a:off x="287008" y="3659113"/>
            <a:ext cx="1104900"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rPr>
              <a:t>Flight Controller</a:t>
            </a:r>
          </a:p>
        </p:txBody>
      </p:sp>
      <p:sp>
        <p:nvSpPr>
          <p:cNvPr id="261" name="OTLSHAPE_SLT_1f3ecdb523214d1c858ab8fb12392a13_Title">
            <a:extLst>
              <a:ext uri="{FF2B5EF4-FFF2-40B4-BE49-F238E27FC236}">
                <a16:creationId xmlns:a16="http://schemas.microsoft.com/office/drawing/2014/main" id="{356553E3-4E20-4E2D-B81A-13C9A647BD76}"/>
              </a:ext>
            </a:extLst>
          </p:cNvPr>
          <p:cNvSpPr txBox="1"/>
          <p:nvPr>
            <p:custDataLst>
              <p:tags r:id="rId143"/>
            </p:custDataLst>
          </p:nvPr>
        </p:nvSpPr>
        <p:spPr>
          <a:xfrm>
            <a:off x="1498314" y="3303537"/>
            <a:ext cx="2816446" cy="43088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Flight Controller and Autopilot Decision</a:t>
            </a:r>
          </a:p>
        </p:txBody>
      </p:sp>
      <p:sp>
        <p:nvSpPr>
          <p:cNvPr id="264" name="OTLSHAPE_SL_9cf0b9a3b4064869b9ae748fb5efbb51_BackgroundRectangle">
            <a:extLst>
              <a:ext uri="{FF2B5EF4-FFF2-40B4-BE49-F238E27FC236}">
                <a16:creationId xmlns:a16="http://schemas.microsoft.com/office/drawing/2014/main" id="{9F505A5F-0530-4B5C-B959-B6D23EAEFE1B}"/>
              </a:ext>
            </a:extLst>
          </p:cNvPr>
          <p:cNvSpPr/>
          <p:nvPr>
            <p:custDataLst>
              <p:tags r:id="rId144"/>
            </p:custDataLst>
          </p:nvPr>
        </p:nvSpPr>
        <p:spPr>
          <a:xfrm>
            <a:off x="279400" y="4367829"/>
            <a:ext cx="11633200" cy="1098389"/>
          </a:xfrm>
          <a:prstGeom prst="rect">
            <a:avLst/>
          </a:prstGeom>
          <a:solidFill>
            <a:schemeClr val="accent2">
              <a:lumMod val="50000"/>
              <a:alpha val="14902"/>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65" name="OTLSHAPE_SL_9cf0b9a3b4064869b9ae748fb5efbb51_HeaderRectangle">
            <a:extLst>
              <a:ext uri="{FF2B5EF4-FFF2-40B4-BE49-F238E27FC236}">
                <a16:creationId xmlns:a16="http://schemas.microsoft.com/office/drawing/2014/main" id="{FAEB5B82-0F4F-466B-B7BF-CAD3FB454B8F}"/>
              </a:ext>
            </a:extLst>
          </p:cNvPr>
          <p:cNvSpPr/>
          <p:nvPr>
            <p:custDataLst>
              <p:tags r:id="rId145"/>
            </p:custDataLst>
          </p:nvPr>
        </p:nvSpPr>
        <p:spPr>
          <a:xfrm>
            <a:off x="279400" y="4367829"/>
            <a:ext cx="1104900" cy="1098389"/>
          </a:xfrm>
          <a:prstGeom prst="rect">
            <a:avLst/>
          </a:prstGeom>
          <a:solidFill>
            <a:schemeClr val="accent2"/>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66" name="OTLSHAPE_SLT_1f3ecdb523214d1c858ab8fb12392a13_Shape">
            <a:extLst>
              <a:ext uri="{FF2B5EF4-FFF2-40B4-BE49-F238E27FC236}">
                <a16:creationId xmlns:a16="http://schemas.microsoft.com/office/drawing/2014/main" id="{8E53C2F1-9DF4-45BC-B165-E23E12649153}"/>
              </a:ext>
            </a:extLst>
          </p:cNvPr>
          <p:cNvSpPr/>
          <p:nvPr>
            <p:custDataLst>
              <p:tags r:id="rId146"/>
            </p:custDataLst>
          </p:nvPr>
        </p:nvSpPr>
        <p:spPr>
          <a:xfrm>
            <a:off x="5378929" y="4382811"/>
            <a:ext cx="2019504" cy="455685"/>
          </a:xfrm>
          <a:prstGeom prst="snip2DiagRect">
            <a:avLst>
              <a:gd name="adj1" fmla="val 100000"/>
              <a:gd name="adj2" fmla="val 16667"/>
            </a:avLst>
          </a:prstGeom>
          <a:solidFill>
            <a:schemeClr val="accent2"/>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67" name="OTLSHAPE_SL_9cf0b9a3b4064869b9ae748fb5efbb51_Header">
            <a:extLst>
              <a:ext uri="{FF2B5EF4-FFF2-40B4-BE49-F238E27FC236}">
                <a16:creationId xmlns:a16="http://schemas.microsoft.com/office/drawing/2014/main" id="{5F30CDF5-A08A-4C5F-AB31-D402F99C98BD}"/>
              </a:ext>
            </a:extLst>
          </p:cNvPr>
          <p:cNvSpPr txBox="1"/>
          <p:nvPr>
            <p:custDataLst>
              <p:tags r:id="rId147"/>
            </p:custDataLst>
          </p:nvPr>
        </p:nvSpPr>
        <p:spPr>
          <a:xfrm>
            <a:off x="262881" y="4832856"/>
            <a:ext cx="1104900" cy="20161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rPr>
              <a:t>GPS/RTK</a:t>
            </a:r>
          </a:p>
        </p:txBody>
      </p:sp>
      <p:sp>
        <p:nvSpPr>
          <p:cNvPr id="268" name="OTLSHAPE_SLT_1f3ecdb523214d1c858ab8fb12392a13_Title">
            <a:extLst>
              <a:ext uri="{FF2B5EF4-FFF2-40B4-BE49-F238E27FC236}">
                <a16:creationId xmlns:a16="http://schemas.microsoft.com/office/drawing/2014/main" id="{D2891A07-CEEB-4EB0-B799-2E135A83DB46}"/>
              </a:ext>
            </a:extLst>
          </p:cNvPr>
          <p:cNvSpPr txBox="1"/>
          <p:nvPr>
            <p:custDataLst>
              <p:tags r:id="rId148"/>
            </p:custDataLst>
          </p:nvPr>
        </p:nvSpPr>
        <p:spPr>
          <a:xfrm>
            <a:off x="5699406" y="4516882"/>
            <a:ext cx="1512286"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GPS/RTK Integration</a:t>
            </a:r>
          </a:p>
        </p:txBody>
      </p:sp>
      <p:sp>
        <p:nvSpPr>
          <p:cNvPr id="271" name="OTLSHAPE_SL_9cf0b9a3b4064869b9ae748fb5efbb51_BackgroundRectangle">
            <a:extLst>
              <a:ext uri="{FF2B5EF4-FFF2-40B4-BE49-F238E27FC236}">
                <a16:creationId xmlns:a16="http://schemas.microsoft.com/office/drawing/2014/main" id="{D57CD687-29D6-4D5B-A21A-4D3E2F06A506}"/>
              </a:ext>
            </a:extLst>
          </p:cNvPr>
          <p:cNvSpPr/>
          <p:nvPr>
            <p:custDataLst>
              <p:tags r:id="rId149"/>
            </p:custDataLst>
          </p:nvPr>
        </p:nvSpPr>
        <p:spPr>
          <a:xfrm>
            <a:off x="279400" y="5576116"/>
            <a:ext cx="11633200" cy="1098389"/>
          </a:xfrm>
          <a:prstGeom prst="rect">
            <a:avLst/>
          </a:prstGeom>
          <a:solidFill>
            <a:schemeClr val="accent6">
              <a:lumMod val="60000"/>
              <a:lumOff val="40000"/>
              <a:alpha val="14902"/>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72" name="OTLSHAPE_SL_9cf0b9a3b4064869b9ae748fb5efbb51_HeaderRectangle">
            <a:extLst>
              <a:ext uri="{FF2B5EF4-FFF2-40B4-BE49-F238E27FC236}">
                <a16:creationId xmlns:a16="http://schemas.microsoft.com/office/drawing/2014/main" id="{0921C019-0F5B-44DC-A415-933C0AD6E922}"/>
              </a:ext>
            </a:extLst>
          </p:cNvPr>
          <p:cNvSpPr/>
          <p:nvPr>
            <p:custDataLst>
              <p:tags r:id="rId150"/>
            </p:custDataLst>
          </p:nvPr>
        </p:nvSpPr>
        <p:spPr>
          <a:xfrm>
            <a:off x="279400" y="5576116"/>
            <a:ext cx="1104900" cy="1098389"/>
          </a:xfrm>
          <a:prstGeom prst="rect">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73" name="OTLSHAPE_SLT_1f3ecdb523214d1c858ab8fb12392a13_Shape">
            <a:extLst>
              <a:ext uri="{FF2B5EF4-FFF2-40B4-BE49-F238E27FC236}">
                <a16:creationId xmlns:a16="http://schemas.microsoft.com/office/drawing/2014/main" id="{FA008D9C-FE9F-425B-8D4C-35CDCFDF6E26}"/>
              </a:ext>
            </a:extLst>
          </p:cNvPr>
          <p:cNvSpPr/>
          <p:nvPr>
            <p:custDataLst>
              <p:tags r:id="rId151"/>
            </p:custDataLst>
          </p:nvPr>
        </p:nvSpPr>
        <p:spPr>
          <a:xfrm>
            <a:off x="1538276" y="5698396"/>
            <a:ext cx="2540000" cy="548499"/>
          </a:xfrm>
          <a:prstGeom prst="snip2DiagRect">
            <a:avLst>
              <a:gd name="adj1" fmla="val 100000"/>
              <a:gd name="adj2" fmla="val 16667"/>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74" name="OTLSHAPE_SL_9cf0b9a3b4064869b9ae748fb5efbb51_Header">
            <a:extLst>
              <a:ext uri="{FF2B5EF4-FFF2-40B4-BE49-F238E27FC236}">
                <a16:creationId xmlns:a16="http://schemas.microsoft.com/office/drawing/2014/main" id="{2947466C-5F86-4863-8D94-8601B2A33086}"/>
              </a:ext>
            </a:extLst>
          </p:cNvPr>
          <p:cNvSpPr txBox="1"/>
          <p:nvPr>
            <p:custDataLst>
              <p:tags r:id="rId152"/>
            </p:custDataLst>
          </p:nvPr>
        </p:nvSpPr>
        <p:spPr>
          <a:xfrm>
            <a:off x="279400" y="5964338"/>
            <a:ext cx="1104900" cy="24594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rPr>
              <a:t>Computer Vision</a:t>
            </a:r>
          </a:p>
        </p:txBody>
      </p:sp>
      <p:sp>
        <p:nvSpPr>
          <p:cNvPr id="275" name="OTLSHAPE_SLT_1f3ecdb523214d1c858ab8fb12392a13_Title">
            <a:extLst>
              <a:ext uri="{FF2B5EF4-FFF2-40B4-BE49-F238E27FC236}">
                <a16:creationId xmlns:a16="http://schemas.microsoft.com/office/drawing/2014/main" id="{B04BCFC0-45A6-437B-89B7-52A27843B8DC}"/>
              </a:ext>
            </a:extLst>
          </p:cNvPr>
          <p:cNvSpPr txBox="1"/>
          <p:nvPr>
            <p:custDataLst>
              <p:tags r:id="rId153"/>
            </p:custDataLst>
          </p:nvPr>
        </p:nvSpPr>
        <p:spPr>
          <a:xfrm>
            <a:off x="1367781" y="5730191"/>
            <a:ext cx="2877483" cy="430887"/>
          </a:xfrm>
          <a:prstGeom prst="rect">
            <a:avLst/>
          </a:prstGeom>
          <a:noFill/>
        </p:spPr>
        <p:txBody>
          <a:bodyPr vert="horz" wrap="square" lIns="0" tIns="0" rIns="0" bIns="0" rtlCol="0" anchor="ctr" anchorCtr="0">
            <a:spAutoFit/>
          </a:bodyPr>
          <a:lstStyle/>
          <a:p>
            <a:pPr algn="ctr">
              <a:defRPr/>
            </a:pPr>
            <a:r>
              <a:rPr lang="en-US" sz="1400" b="1" spc="-8">
                <a:latin typeface="Calibri"/>
                <a:cs typeface="Calibri"/>
              </a:rPr>
              <a:t>Initial Research and Script Development</a:t>
            </a:r>
            <a:endParaRPr lang="en-US" sz="1400" b="1" i="0" u="none" strike="noStrike" kern="1200" cap="none" spc="-8" normalizeH="0" baseline="0" noProof="0">
              <a:ln>
                <a:noFill/>
              </a:ln>
              <a:effectLst/>
              <a:uLnTx/>
              <a:uFillTx/>
              <a:latin typeface="Calibri"/>
              <a:cs typeface="Calibri"/>
            </a:endParaRPr>
          </a:p>
        </p:txBody>
      </p:sp>
      <p:sp>
        <p:nvSpPr>
          <p:cNvPr id="177" name="OTLSHAPE_SLT_1f3ecdb523214d1c858ab8fb12392a13_Shape">
            <a:extLst>
              <a:ext uri="{FF2B5EF4-FFF2-40B4-BE49-F238E27FC236}">
                <a16:creationId xmlns:a16="http://schemas.microsoft.com/office/drawing/2014/main" id="{C29DD877-91B3-4294-8951-CD0046A522EB}"/>
              </a:ext>
            </a:extLst>
          </p:cNvPr>
          <p:cNvSpPr/>
          <p:nvPr>
            <p:custDataLst>
              <p:tags r:id="rId154"/>
            </p:custDataLst>
          </p:nvPr>
        </p:nvSpPr>
        <p:spPr>
          <a:xfrm>
            <a:off x="1475177" y="2064456"/>
            <a:ext cx="2590677" cy="467975"/>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76" name="OTLSHAPE_SLT_1f3ecdb523214d1c858ab8fb12392a13_Title">
            <a:extLst>
              <a:ext uri="{FF2B5EF4-FFF2-40B4-BE49-F238E27FC236}">
                <a16:creationId xmlns:a16="http://schemas.microsoft.com/office/drawing/2014/main" id="{3D4E8600-F0D6-482A-B493-C55574B0F7C9}"/>
              </a:ext>
            </a:extLst>
          </p:cNvPr>
          <p:cNvSpPr txBox="1"/>
          <p:nvPr>
            <p:custDataLst>
              <p:tags r:id="rId155"/>
            </p:custDataLst>
          </p:nvPr>
        </p:nvSpPr>
        <p:spPr>
          <a:xfrm>
            <a:off x="1736036" y="2178982"/>
            <a:ext cx="2078472"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Drone Assembly</a:t>
            </a:r>
          </a:p>
        </p:txBody>
      </p:sp>
      <p:sp>
        <p:nvSpPr>
          <p:cNvPr id="181" name="OTLSHAPE_SLT_1f3ecdb523214d1c858ab8fb12392a13_Shape">
            <a:extLst>
              <a:ext uri="{FF2B5EF4-FFF2-40B4-BE49-F238E27FC236}">
                <a16:creationId xmlns:a16="http://schemas.microsoft.com/office/drawing/2014/main" id="{D3EC21B9-7B52-41A6-B299-7542D416906E}"/>
              </a:ext>
            </a:extLst>
          </p:cNvPr>
          <p:cNvSpPr/>
          <p:nvPr>
            <p:custDataLst>
              <p:tags r:id="rId156"/>
            </p:custDataLst>
          </p:nvPr>
        </p:nvSpPr>
        <p:spPr>
          <a:xfrm>
            <a:off x="4097446" y="5698396"/>
            <a:ext cx="2554377" cy="548500"/>
          </a:xfrm>
          <a:prstGeom prst="snip2DiagRect">
            <a:avLst>
              <a:gd name="adj1" fmla="val 100000"/>
              <a:gd name="adj2" fmla="val 16667"/>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2" name="OTLSHAPE_SLT_1f3ecdb523214d1c858ab8fb12392a13_Shape">
            <a:extLst>
              <a:ext uri="{FF2B5EF4-FFF2-40B4-BE49-F238E27FC236}">
                <a16:creationId xmlns:a16="http://schemas.microsoft.com/office/drawing/2014/main" id="{EE857ABE-3412-4F99-BD57-D5ED4E706434}"/>
              </a:ext>
            </a:extLst>
          </p:cNvPr>
          <p:cNvSpPr/>
          <p:nvPr>
            <p:custDataLst>
              <p:tags r:id="rId157"/>
            </p:custDataLst>
          </p:nvPr>
        </p:nvSpPr>
        <p:spPr>
          <a:xfrm>
            <a:off x="5038928" y="2063140"/>
            <a:ext cx="2078472" cy="468794"/>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3" name="OTLSHAPE_SLT_1f3ecdb523214d1c858ab8fb12392a13_Title">
            <a:extLst>
              <a:ext uri="{FF2B5EF4-FFF2-40B4-BE49-F238E27FC236}">
                <a16:creationId xmlns:a16="http://schemas.microsoft.com/office/drawing/2014/main" id="{72F9F95E-003F-4E3A-978D-1BCB4CE1147A}"/>
              </a:ext>
            </a:extLst>
          </p:cNvPr>
          <p:cNvSpPr txBox="1"/>
          <p:nvPr>
            <p:custDataLst>
              <p:tags r:id="rId158"/>
            </p:custDataLst>
          </p:nvPr>
        </p:nvSpPr>
        <p:spPr>
          <a:xfrm>
            <a:off x="4200121" y="5715812"/>
            <a:ext cx="2460540" cy="430887"/>
          </a:xfrm>
          <a:prstGeom prst="rect">
            <a:avLst/>
          </a:prstGeom>
          <a:noFill/>
        </p:spPr>
        <p:txBody>
          <a:bodyPr vert="horz" wrap="square" lIns="0" tIns="0" rIns="0" bIns="0" rtlCol="0" anchor="ctr" anchorCtr="0">
            <a:spAutoFit/>
          </a:bodyPr>
          <a:lstStyle/>
          <a:p>
            <a:pPr algn="ctr">
              <a:defRPr/>
            </a:pPr>
            <a:r>
              <a:rPr lang="en-US" sz="1400" b="1" spc="-8">
                <a:latin typeface="Calibri"/>
                <a:cs typeface="Calibri"/>
              </a:rPr>
              <a:t>Camera Mounted, and Script Running on Drone</a:t>
            </a:r>
            <a:endParaRPr lang="en-US" sz="1400" b="1" i="0" u="none" strike="noStrike" kern="1200" cap="none" spc="-8" normalizeH="0" baseline="0" noProof="0">
              <a:ln>
                <a:noFill/>
              </a:ln>
              <a:effectLst/>
              <a:uLnTx/>
              <a:uFillTx/>
              <a:latin typeface="Calibri"/>
              <a:cs typeface="Calibri"/>
            </a:endParaRPr>
          </a:p>
        </p:txBody>
      </p:sp>
      <p:sp>
        <p:nvSpPr>
          <p:cNvPr id="184" name="OTLSHAPE_SLT_1f3ecdb523214d1c858ab8fb12392a13_Title">
            <a:extLst>
              <a:ext uri="{FF2B5EF4-FFF2-40B4-BE49-F238E27FC236}">
                <a16:creationId xmlns:a16="http://schemas.microsoft.com/office/drawing/2014/main" id="{E5993D75-AC00-4B00-96C2-4D18D98FCB58}"/>
              </a:ext>
            </a:extLst>
          </p:cNvPr>
          <p:cNvSpPr txBox="1"/>
          <p:nvPr>
            <p:custDataLst>
              <p:tags r:id="rId159"/>
            </p:custDataLst>
          </p:nvPr>
        </p:nvSpPr>
        <p:spPr>
          <a:xfrm>
            <a:off x="5056764" y="2199191"/>
            <a:ext cx="2078472"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Drone Flotation</a:t>
            </a:r>
          </a:p>
        </p:txBody>
      </p:sp>
      <p:sp>
        <p:nvSpPr>
          <p:cNvPr id="186" name="OTLSHAPE_SLT_1f3ecdb523214d1c858ab8fb12392a13_Shape">
            <a:extLst>
              <a:ext uri="{FF2B5EF4-FFF2-40B4-BE49-F238E27FC236}">
                <a16:creationId xmlns:a16="http://schemas.microsoft.com/office/drawing/2014/main" id="{84F72997-3242-4CD1-829B-3B9703F997C4}"/>
              </a:ext>
            </a:extLst>
          </p:cNvPr>
          <p:cNvSpPr/>
          <p:nvPr>
            <p:custDataLst>
              <p:tags r:id="rId160"/>
            </p:custDataLst>
          </p:nvPr>
        </p:nvSpPr>
        <p:spPr>
          <a:xfrm>
            <a:off x="6670992" y="5698395"/>
            <a:ext cx="2025138" cy="548499"/>
          </a:xfrm>
          <a:prstGeom prst="snip2DiagRect">
            <a:avLst>
              <a:gd name="adj1" fmla="val 100000"/>
              <a:gd name="adj2" fmla="val 16667"/>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7" name="OTLSHAPE_SLT_1f3ecdb523214d1c858ab8fb12392a13_Title">
            <a:extLst>
              <a:ext uri="{FF2B5EF4-FFF2-40B4-BE49-F238E27FC236}">
                <a16:creationId xmlns:a16="http://schemas.microsoft.com/office/drawing/2014/main" id="{72AD3998-C95B-48A6-82B2-FFD7115723B6}"/>
              </a:ext>
            </a:extLst>
          </p:cNvPr>
          <p:cNvSpPr txBox="1"/>
          <p:nvPr>
            <p:custDataLst>
              <p:tags r:id="rId161"/>
            </p:custDataLst>
          </p:nvPr>
        </p:nvSpPr>
        <p:spPr>
          <a:xfrm>
            <a:off x="6758565" y="5768655"/>
            <a:ext cx="1849991" cy="430887"/>
          </a:xfrm>
          <a:prstGeom prst="rect">
            <a:avLst/>
          </a:prstGeom>
          <a:noFill/>
        </p:spPr>
        <p:txBody>
          <a:bodyPr vert="horz" wrap="square" lIns="0" tIns="0" rIns="0" bIns="0" rtlCol="0" anchor="ctr" anchorCtr="0">
            <a:spAutoFit/>
          </a:bodyPr>
          <a:lstStyle/>
          <a:p>
            <a:pPr algn="ctr">
              <a:defRPr/>
            </a:pPr>
            <a:r>
              <a:rPr lang="en-US" sz="1400" b="1" spc="-8">
                <a:latin typeface="Calibri"/>
                <a:cs typeface="Calibri"/>
              </a:rPr>
              <a:t>Develop Preliminary Script for SITL Testing </a:t>
            </a:r>
            <a:endParaRPr lang="en-US" sz="1400" b="1" i="0" u="none" strike="noStrike" kern="1200" cap="none" spc="-8" normalizeH="0" baseline="0" noProof="0">
              <a:ln>
                <a:noFill/>
              </a:ln>
              <a:effectLst/>
              <a:uLnTx/>
              <a:uFillTx/>
              <a:latin typeface="Calibri"/>
              <a:cs typeface="Calibri"/>
            </a:endParaRPr>
          </a:p>
        </p:txBody>
      </p:sp>
      <p:sp>
        <p:nvSpPr>
          <p:cNvPr id="189" name="OTLSHAPE_SLT_1f3ecdb523214d1c858ab8fb12392a13_Shape">
            <a:extLst>
              <a:ext uri="{FF2B5EF4-FFF2-40B4-BE49-F238E27FC236}">
                <a16:creationId xmlns:a16="http://schemas.microsoft.com/office/drawing/2014/main" id="{8658C66E-ED16-4F14-ABA1-7DB38BC8D29E}"/>
              </a:ext>
            </a:extLst>
          </p:cNvPr>
          <p:cNvSpPr/>
          <p:nvPr>
            <p:custDataLst>
              <p:tags r:id="rId162"/>
            </p:custDataLst>
          </p:nvPr>
        </p:nvSpPr>
        <p:spPr>
          <a:xfrm>
            <a:off x="8843581" y="5698394"/>
            <a:ext cx="2984090" cy="548499"/>
          </a:xfrm>
          <a:prstGeom prst="snip2DiagRect">
            <a:avLst>
              <a:gd name="adj1" fmla="val 100000"/>
              <a:gd name="adj2" fmla="val 16667"/>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0" name="OTLSHAPE_SLT_1f3ecdb523214d1c858ab8fb12392a13_Title">
            <a:extLst>
              <a:ext uri="{FF2B5EF4-FFF2-40B4-BE49-F238E27FC236}">
                <a16:creationId xmlns:a16="http://schemas.microsoft.com/office/drawing/2014/main" id="{77398F2B-8E49-41F0-95C7-2BB73FE5F70C}"/>
              </a:ext>
            </a:extLst>
          </p:cNvPr>
          <p:cNvSpPr txBox="1"/>
          <p:nvPr>
            <p:custDataLst>
              <p:tags r:id="rId163"/>
            </p:custDataLst>
          </p:nvPr>
        </p:nvSpPr>
        <p:spPr>
          <a:xfrm>
            <a:off x="9173032" y="5768654"/>
            <a:ext cx="2331144" cy="430887"/>
          </a:xfrm>
          <a:prstGeom prst="rect">
            <a:avLst/>
          </a:prstGeom>
          <a:noFill/>
        </p:spPr>
        <p:txBody>
          <a:bodyPr vert="horz" wrap="square" lIns="0" tIns="0" rIns="0" bIns="0" rtlCol="0" anchor="ctr" anchorCtr="0">
            <a:spAutoFit/>
          </a:bodyPr>
          <a:lstStyle/>
          <a:p>
            <a:pPr algn="ctr">
              <a:defRPr/>
            </a:pPr>
            <a:r>
              <a:rPr lang="en-US" sz="1400" b="1" spc="-8">
                <a:latin typeface="Calibri"/>
                <a:cs typeface="Calibri"/>
              </a:rPr>
              <a:t>Improve Script Reliability and Efficiency</a:t>
            </a:r>
            <a:endParaRPr lang="en-US" sz="1400" b="1" i="0" u="none" strike="noStrike" kern="1200" cap="none" spc="-8" normalizeH="0" baseline="0" noProof="0">
              <a:ln>
                <a:noFill/>
              </a:ln>
              <a:effectLst/>
              <a:uLnTx/>
              <a:uFillTx/>
              <a:latin typeface="Calibri"/>
              <a:cs typeface="Calibri"/>
            </a:endParaRPr>
          </a:p>
        </p:txBody>
      </p:sp>
      <p:sp>
        <p:nvSpPr>
          <p:cNvPr id="191" name="OTLSHAPE_SLT_1f3ecdb523214d1c858ab8fb12392a13_Shape">
            <a:extLst>
              <a:ext uri="{FF2B5EF4-FFF2-40B4-BE49-F238E27FC236}">
                <a16:creationId xmlns:a16="http://schemas.microsoft.com/office/drawing/2014/main" id="{A00937E5-F72E-485C-8E81-B86ADF928208}"/>
              </a:ext>
            </a:extLst>
          </p:cNvPr>
          <p:cNvSpPr/>
          <p:nvPr>
            <p:custDataLst>
              <p:tags r:id="rId164"/>
            </p:custDataLst>
          </p:nvPr>
        </p:nvSpPr>
        <p:spPr>
          <a:xfrm>
            <a:off x="4149385" y="2604526"/>
            <a:ext cx="1078758" cy="468795"/>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2" name="OTLSHAPE_SLT_1f3ecdb523214d1c858ab8fb12392a13_Title">
            <a:extLst>
              <a:ext uri="{FF2B5EF4-FFF2-40B4-BE49-F238E27FC236}">
                <a16:creationId xmlns:a16="http://schemas.microsoft.com/office/drawing/2014/main" id="{C9E77509-B635-4E79-8954-E886F88BBED7}"/>
              </a:ext>
            </a:extLst>
          </p:cNvPr>
          <p:cNvSpPr txBox="1"/>
          <p:nvPr>
            <p:custDataLst>
              <p:tags r:id="rId165"/>
            </p:custDataLst>
          </p:nvPr>
        </p:nvSpPr>
        <p:spPr>
          <a:xfrm>
            <a:off x="4289408" y="2663596"/>
            <a:ext cx="892320" cy="43088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Test Manual Flight</a:t>
            </a:r>
          </a:p>
        </p:txBody>
      </p:sp>
      <p:sp>
        <p:nvSpPr>
          <p:cNvPr id="193" name="OTLSHAPE_SLT_1f3ecdb523214d1c858ab8fb12392a13_Shape">
            <a:extLst>
              <a:ext uri="{FF2B5EF4-FFF2-40B4-BE49-F238E27FC236}">
                <a16:creationId xmlns:a16="http://schemas.microsoft.com/office/drawing/2014/main" id="{3DDDA782-9E23-4071-BED2-6700034BEFC8}"/>
              </a:ext>
            </a:extLst>
          </p:cNvPr>
          <p:cNvSpPr/>
          <p:nvPr>
            <p:custDataLst>
              <p:tags r:id="rId166"/>
            </p:custDataLst>
          </p:nvPr>
        </p:nvSpPr>
        <p:spPr>
          <a:xfrm>
            <a:off x="4998953" y="3238597"/>
            <a:ext cx="997520" cy="484998"/>
          </a:xfrm>
          <a:prstGeom prst="snip2DiagRect">
            <a:avLst>
              <a:gd name="adj1" fmla="val 100000"/>
              <a:gd name="adj2" fmla="val 16667"/>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4" name="OTLSHAPE_SLT_1f3ecdb523214d1c858ab8fb12392a13_Title">
            <a:extLst>
              <a:ext uri="{FF2B5EF4-FFF2-40B4-BE49-F238E27FC236}">
                <a16:creationId xmlns:a16="http://schemas.microsoft.com/office/drawing/2014/main" id="{290DA166-7AD4-419E-BB44-1C2775591E58}"/>
              </a:ext>
            </a:extLst>
          </p:cNvPr>
          <p:cNvSpPr txBox="1"/>
          <p:nvPr>
            <p:custDataLst>
              <p:tags r:id="rId167"/>
            </p:custDataLst>
          </p:nvPr>
        </p:nvSpPr>
        <p:spPr>
          <a:xfrm>
            <a:off x="5115833" y="3270566"/>
            <a:ext cx="888248" cy="43088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spc="-8">
                <a:solidFill>
                  <a:prstClr val="black"/>
                </a:solidFill>
                <a:latin typeface="Calibri" panose="020F0502020204030204" pitchFamily="34" charset="0"/>
              </a:rPr>
              <a:t>Controller Tuning</a:t>
            </a:r>
            <a:endPar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endParaRPr>
          </a:p>
        </p:txBody>
      </p:sp>
      <p:sp>
        <p:nvSpPr>
          <p:cNvPr id="195" name="OTLSHAPE_SLT_1f3ecdb523214d1c858ab8fb12392a13_Shape">
            <a:extLst>
              <a:ext uri="{FF2B5EF4-FFF2-40B4-BE49-F238E27FC236}">
                <a16:creationId xmlns:a16="http://schemas.microsoft.com/office/drawing/2014/main" id="{04CB000B-872E-4BE0-95A9-7E7111A43D21}"/>
              </a:ext>
            </a:extLst>
          </p:cNvPr>
          <p:cNvSpPr/>
          <p:nvPr>
            <p:custDataLst>
              <p:tags r:id="rId168"/>
            </p:custDataLst>
          </p:nvPr>
        </p:nvSpPr>
        <p:spPr>
          <a:xfrm>
            <a:off x="5568538" y="2604122"/>
            <a:ext cx="1060498" cy="468795"/>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6" name="OTLSHAPE_SLT_1f3ecdb523214d1c858ab8fb12392a13_Title">
            <a:extLst>
              <a:ext uri="{FF2B5EF4-FFF2-40B4-BE49-F238E27FC236}">
                <a16:creationId xmlns:a16="http://schemas.microsoft.com/office/drawing/2014/main" id="{7C761381-1F51-46C1-9F8F-34CFAA00D90C}"/>
              </a:ext>
            </a:extLst>
          </p:cNvPr>
          <p:cNvSpPr txBox="1"/>
          <p:nvPr>
            <p:custDataLst>
              <p:tags r:id="rId169"/>
            </p:custDataLst>
          </p:nvPr>
        </p:nvSpPr>
        <p:spPr>
          <a:xfrm>
            <a:off x="5728455" y="2644286"/>
            <a:ext cx="778959" cy="43088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Test Video In-Flight</a:t>
            </a:r>
          </a:p>
        </p:txBody>
      </p:sp>
      <p:sp>
        <p:nvSpPr>
          <p:cNvPr id="197" name="OTLSHAPE_SLT_1f3ecdb523214d1c858ab8fb12392a13_Shape">
            <a:extLst>
              <a:ext uri="{FF2B5EF4-FFF2-40B4-BE49-F238E27FC236}">
                <a16:creationId xmlns:a16="http://schemas.microsoft.com/office/drawing/2014/main" id="{674B0A45-41ED-4F1F-B379-CB4AA408E24E}"/>
              </a:ext>
            </a:extLst>
          </p:cNvPr>
          <p:cNvSpPr/>
          <p:nvPr>
            <p:custDataLst>
              <p:tags r:id="rId170"/>
            </p:custDataLst>
          </p:nvPr>
        </p:nvSpPr>
        <p:spPr>
          <a:xfrm>
            <a:off x="5380652" y="4968770"/>
            <a:ext cx="1262897" cy="464907"/>
          </a:xfrm>
          <a:prstGeom prst="snip2DiagRect">
            <a:avLst>
              <a:gd name="adj1" fmla="val 100000"/>
              <a:gd name="adj2" fmla="val 16667"/>
            </a:avLst>
          </a:prstGeom>
          <a:solidFill>
            <a:schemeClr val="accent2"/>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8" name="OTLSHAPE_SLT_1f3ecdb523214d1c858ab8fb12392a13_Title">
            <a:extLst>
              <a:ext uri="{FF2B5EF4-FFF2-40B4-BE49-F238E27FC236}">
                <a16:creationId xmlns:a16="http://schemas.microsoft.com/office/drawing/2014/main" id="{BC531644-5030-43FA-B1A5-ADEB5CF332F5}"/>
              </a:ext>
            </a:extLst>
          </p:cNvPr>
          <p:cNvSpPr txBox="1"/>
          <p:nvPr>
            <p:custDataLst>
              <p:tags r:id="rId171"/>
            </p:custDataLst>
          </p:nvPr>
        </p:nvSpPr>
        <p:spPr>
          <a:xfrm>
            <a:off x="5217854" y="5081072"/>
            <a:ext cx="1557237"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GPS Testing</a:t>
            </a:r>
          </a:p>
        </p:txBody>
      </p:sp>
      <p:pic>
        <p:nvPicPr>
          <p:cNvPr id="4" name="Picture 3">
            <a:extLst>
              <a:ext uri="{FF2B5EF4-FFF2-40B4-BE49-F238E27FC236}">
                <a16:creationId xmlns:a16="http://schemas.microsoft.com/office/drawing/2014/main" id="{2AE762D0-4085-4B85-AA55-09C268139681}"/>
              </a:ext>
            </a:extLst>
          </p:cNvPr>
          <p:cNvPicPr>
            <a:picLocks noChangeAspect="1"/>
          </p:cNvPicPr>
          <p:nvPr/>
        </p:nvPicPr>
        <p:blipFill>
          <a:blip r:embed="rId184"/>
          <a:stretch>
            <a:fillRect/>
          </a:stretch>
        </p:blipFill>
        <p:spPr>
          <a:xfrm>
            <a:off x="7370121" y="2063140"/>
            <a:ext cx="1629348" cy="468793"/>
          </a:xfrm>
          <a:prstGeom prst="rect">
            <a:avLst/>
          </a:prstGeom>
        </p:spPr>
      </p:pic>
      <p:sp>
        <p:nvSpPr>
          <p:cNvPr id="199" name="TextBox 198">
            <a:extLst>
              <a:ext uri="{FF2B5EF4-FFF2-40B4-BE49-F238E27FC236}">
                <a16:creationId xmlns:a16="http://schemas.microsoft.com/office/drawing/2014/main" id="{AC497AE4-18E7-4389-B96F-C4C656B74CEB}"/>
              </a:ext>
            </a:extLst>
          </p:cNvPr>
          <p:cNvSpPr txBox="1"/>
          <p:nvPr/>
        </p:nvSpPr>
        <p:spPr>
          <a:xfrm>
            <a:off x="7226822" y="2143841"/>
            <a:ext cx="1932326" cy="307777"/>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spc="-8">
                <a:solidFill>
                  <a:prstClr val="black"/>
                </a:solidFill>
                <a:latin typeface="Calibri" panose="020F0502020204030204" pitchFamily="34" charset="0"/>
              </a:rPr>
              <a:t>Payload Delivery</a:t>
            </a:r>
            <a:endPar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endParaRPr>
          </a:p>
        </p:txBody>
      </p:sp>
      <p:pic>
        <p:nvPicPr>
          <p:cNvPr id="13" name="Picture 12">
            <a:extLst>
              <a:ext uri="{FF2B5EF4-FFF2-40B4-BE49-F238E27FC236}">
                <a16:creationId xmlns:a16="http://schemas.microsoft.com/office/drawing/2014/main" id="{25506BE6-F742-4E21-8E5E-08866A37D86F}"/>
              </a:ext>
            </a:extLst>
          </p:cNvPr>
          <p:cNvPicPr>
            <a:picLocks noChangeAspect="1"/>
          </p:cNvPicPr>
          <p:nvPr/>
        </p:nvPicPr>
        <p:blipFill>
          <a:blip r:embed="rId184"/>
          <a:stretch>
            <a:fillRect/>
          </a:stretch>
        </p:blipFill>
        <p:spPr>
          <a:xfrm>
            <a:off x="9617947" y="2065176"/>
            <a:ext cx="2078916" cy="466757"/>
          </a:xfrm>
          <a:prstGeom prst="rect">
            <a:avLst/>
          </a:prstGeom>
        </p:spPr>
      </p:pic>
      <p:sp>
        <p:nvSpPr>
          <p:cNvPr id="201" name="TextBox 200">
            <a:extLst>
              <a:ext uri="{FF2B5EF4-FFF2-40B4-BE49-F238E27FC236}">
                <a16:creationId xmlns:a16="http://schemas.microsoft.com/office/drawing/2014/main" id="{A9DF5F26-D28A-4C25-B274-4FF36D499BCB}"/>
              </a:ext>
            </a:extLst>
          </p:cNvPr>
          <p:cNvSpPr txBox="1"/>
          <p:nvPr/>
        </p:nvSpPr>
        <p:spPr>
          <a:xfrm>
            <a:off x="9694813" y="2129222"/>
            <a:ext cx="1932326" cy="307777"/>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spc="-8">
                <a:solidFill>
                  <a:prstClr val="black"/>
                </a:solidFill>
                <a:latin typeface="Calibri" panose="020F0502020204030204" pitchFamily="34" charset="0"/>
              </a:rPr>
              <a:t>Optimize Design</a:t>
            </a:r>
            <a:endPar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endParaRPr>
          </a:p>
        </p:txBody>
      </p:sp>
      <p:sp>
        <p:nvSpPr>
          <p:cNvPr id="205" name="OTLSHAPE_SLT_1f3ecdb523214d1c858ab8fb12392a13_Shape">
            <a:extLst>
              <a:ext uri="{FF2B5EF4-FFF2-40B4-BE49-F238E27FC236}">
                <a16:creationId xmlns:a16="http://schemas.microsoft.com/office/drawing/2014/main" id="{D2C9EDE4-8202-4C05-B5B8-B5C4F17038F0}"/>
              </a:ext>
            </a:extLst>
          </p:cNvPr>
          <p:cNvSpPr/>
          <p:nvPr>
            <p:custDataLst>
              <p:tags r:id="rId172"/>
            </p:custDataLst>
          </p:nvPr>
        </p:nvSpPr>
        <p:spPr>
          <a:xfrm>
            <a:off x="6400913" y="3783536"/>
            <a:ext cx="997520" cy="465927"/>
          </a:xfrm>
          <a:prstGeom prst="snip2DiagRect">
            <a:avLst>
              <a:gd name="adj1" fmla="val 100000"/>
              <a:gd name="adj2" fmla="val 16667"/>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4" name="OTLSHAPE_SLT_1f3ecdb523214d1c858ab8fb12392a13_Title">
            <a:extLst>
              <a:ext uri="{FF2B5EF4-FFF2-40B4-BE49-F238E27FC236}">
                <a16:creationId xmlns:a16="http://schemas.microsoft.com/office/drawing/2014/main" id="{BC97D9A3-AD92-4CAB-8B31-7ADB9201A889}"/>
              </a:ext>
            </a:extLst>
          </p:cNvPr>
          <p:cNvSpPr txBox="1"/>
          <p:nvPr>
            <p:custDataLst>
              <p:tags r:id="rId173"/>
            </p:custDataLst>
          </p:nvPr>
        </p:nvSpPr>
        <p:spPr>
          <a:xfrm>
            <a:off x="6478917" y="3813257"/>
            <a:ext cx="888248" cy="43088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spc="-8">
                <a:solidFill>
                  <a:prstClr val="black"/>
                </a:solidFill>
                <a:latin typeface="Calibri" panose="020F0502020204030204" pitchFamily="34" charset="0"/>
              </a:rPr>
              <a:t>Controller Tuning</a:t>
            </a:r>
            <a:endPar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endParaRPr>
          </a:p>
        </p:txBody>
      </p:sp>
      <p:cxnSp>
        <p:nvCxnSpPr>
          <p:cNvPr id="33" name="Connector: Elbow 32">
            <a:extLst>
              <a:ext uri="{FF2B5EF4-FFF2-40B4-BE49-F238E27FC236}">
                <a16:creationId xmlns:a16="http://schemas.microsoft.com/office/drawing/2014/main" id="{2DECF3DB-3047-48D2-886E-11EC51AD728D}"/>
              </a:ext>
            </a:extLst>
          </p:cNvPr>
          <p:cNvCxnSpPr>
            <a:cxnSpLocks/>
            <a:stCxn id="191" idx="0"/>
          </p:cNvCxnSpPr>
          <p:nvPr/>
        </p:nvCxnSpPr>
        <p:spPr>
          <a:xfrm>
            <a:off x="5228143" y="2838924"/>
            <a:ext cx="12714" cy="420259"/>
          </a:xfrm>
          <a:prstGeom prst="bentConnector2">
            <a:avLst/>
          </a:prstGeom>
          <a:ln>
            <a:tailEnd type="triangle"/>
          </a:ln>
        </p:spPr>
        <p:style>
          <a:lnRef idx="3">
            <a:schemeClr val="dk1"/>
          </a:lnRef>
          <a:fillRef idx="0">
            <a:schemeClr val="dk1"/>
          </a:fillRef>
          <a:effectRef idx="2">
            <a:schemeClr val="dk1"/>
          </a:effectRef>
          <a:fontRef idx="minor">
            <a:schemeClr val="tx1"/>
          </a:fontRef>
        </p:style>
      </p:cxnSp>
      <p:pic>
        <p:nvPicPr>
          <p:cNvPr id="223" name="Picture 222">
            <a:extLst>
              <a:ext uri="{FF2B5EF4-FFF2-40B4-BE49-F238E27FC236}">
                <a16:creationId xmlns:a16="http://schemas.microsoft.com/office/drawing/2014/main" id="{C29CFB48-9B39-4204-A878-A9C715AD1CEC}"/>
              </a:ext>
            </a:extLst>
          </p:cNvPr>
          <p:cNvPicPr>
            <a:picLocks noChangeAspect="1"/>
          </p:cNvPicPr>
          <p:nvPr/>
        </p:nvPicPr>
        <p:blipFill>
          <a:blip r:embed="rId184"/>
          <a:stretch>
            <a:fillRect/>
          </a:stretch>
        </p:blipFill>
        <p:spPr>
          <a:xfrm>
            <a:off x="7435686" y="2591529"/>
            <a:ext cx="1518023" cy="468793"/>
          </a:xfrm>
          <a:prstGeom prst="rect">
            <a:avLst/>
          </a:prstGeom>
        </p:spPr>
      </p:pic>
      <p:cxnSp>
        <p:nvCxnSpPr>
          <p:cNvPr id="224" name="Connector: Elbow 223">
            <a:extLst>
              <a:ext uri="{FF2B5EF4-FFF2-40B4-BE49-F238E27FC236}">
                <a16:creationId xmlns:a16="http://schemas.microsoft.com/office/drawing/2014/main" id="{77296456-739D-49ED-AAC9-F9BF0636FEA3}"/>
              </a:ext>
            </a:extLst>
          </p:cNvPr>
          <p:cNvCxnSpPr>
            <a:cxnSpLocks/>
            <a:stCxn id="266" idx="0"/>
          </p:cNvCxnSpPr>
          <p:nvPr/>
        </p:nvCxnSpPr>
        <p:spPr>
          <a:xfrm flipV="1">
            <a:off x="7398433" y="3025896"/>
            <a:ext cx="137677" cy="1584758"/>
          </a:xfrm>
          <a:prstGeom prst="bentConnector2">
            <a:avLst/>
          </a:prstGeom>
          <a:ln>
            <a:tailEnd type="triangle"/>
          </a:ln>
        </p:spPr>
        <p:style>
          <a:lnRef idx="3">
            <a:schemeClr val="dk1"/>
          </a:lnRef>
          <a:fillRef idx="0">
            <a:schemeClr val="dk1"/>
          </a:fillRef>
          <a:effectRef idx="2">
            <a:schemeClr val="dk1"/>
          </a:effectRef>
          <a:fontRef idx="minor">
            <a:schemeClr val="tx1"/>
          </a:fontRef>
        </p:style>
      </p:cxnSp>
      <p:sp>
        <p:nvSpPr>
          <p:cNvPr id="227" name="OTLSHAPE_SLT_1f3ecdb523214d1c858ab8fb12392a13_Title">
            <a:extLst>
              <a:ext uri="{FF2B5EF4-FFF2-40B4-BE49-F238E27FC236}">
                <a16:creationId xmlns:a16="http://schemas.microsoft.com/office/drawing/2014/main" id="{3A0F35D6-B41C-42E4-98A2-CCF5FD5ECC39}"/>
              </a:ext>
            </a:extLst>
          </p:cNvPr>
          <p:cNvSpPr txBox="1"/>
          <p:nvPr>
            <p:custDataLst>
              <p:tags r:id="rId174"/>
            </p:custDataLst>
          </p:nvPr>
        </p:nvSpPr>
        <p:spPr>
          <a:xfrm>
            <a:off x="7517845" y="2637096"/>
            <a:ext cx="1419158" cy="43088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Test Autonomous Flight</a:t>
            </a:r>
          </a:p>
        </p:txBody>
      </p:sp>
      <p:sp>
        <p:nvSpPr>
          <p:cNvPr id="231" name="OTLSHAPE_SLT_1f3ecdb523214d1c858ab8fb12392a13_Shape">
            <a:extLst>
              <a:ext uri="{FF2B5EF4-FFF2-40B4-BE49-F238E27FC236}">
                <a16:creationId xmlns:a16="http://schemas.microsoft.com/office/drawing/2014/main" id="{24675A6C-0072-440B-AA7E-8C06FE747EEB}"/>
              </a:ext>
            </a:extLst>
          </p:cNvPr>
          <p:cNvSpPr/>
          <p:nvPr>
            <p:custDataLst>
              <p:tags r:id="rId175"/>
            </p:custDataLst>
          </p:nvPr>
        </p:nvSpPr>
        <p:spPr>
          <a:xfrm>
            <a:off x="7620947" y="3240266"/>
            <a:ext cx="1951183" cy="468327"/>
          </a:xfrm>
          <a:prstGeom prst="snip2DiagRect">
            <a:avLst>
              <a:gd name="adj1" fmla="val 100000"/>
              <a:gd name="adj2" fmla="val 16667"/>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2" name="OTLSHAPE_SLT_1f3ecdb523214d1c858ab8fb12392a13_Title">
            <a:extLst>
              <a:ext uri="{FF2B5EF4-FFF2-40B4-BE49-F238E27FC236}">
                <a16:creationId xmlns:a16="http://schemas.microsoft.com/office/drawing/2014/main" id="{122AB2E2-9A9F-4F37-839C-FE3F4319C7D2}"/>
              </a:ext>
            </a:extLst>
          </p:cNvPr>
          <p:cNvSpPr txBox="1"/>
          <p:nvPr>
            <p:custDataLst>
              <p:tags r:id="rId176"/>
            </p:custDataLst>
          </p:nvPr>
        </p:nvSpPr>
        <p:spPr>
          <a:xfrm>
            <a:off x="7761450" y="3266323"/>
            <a:ext cx="1670175" cy="43088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spc="-8">
                <a:solidFill>
                  <a:prstClr val="black"/>
                </a:solidFill>
                <a:latin typeface="Calibri" panose="020F0502020204030204" pitchFamily="34" charset="0"/>
              </a:rPr>
              <a:t>SITL Computer Vision Controlled Flight Test</a:t>
            </a:r>
            <a:endPar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endParaRPr>
          </a:p>
        </p:txBody>
      </p:sp>
      <p:sp>
        <p:nvSpPr>
          <p:cNvPr id="242" name="OTLSHAPE_SLT_1f3ecdb523214d1c858ab8fb12392a13_Shape">
            <a:extLst>
              <a:ext uri="{FF2B5EF4-FFF2-40B4-BE49-F238E27FC236}">
                <a16:creationId xmlns:a16="http://schemas.microsoft.com/office/drawing/2014/main" id="{686FB7B4-14AA-4C7F-8280-22617E510FBB}"/>
              </a:ext>
            </a:extLst>
          </p:cNvPr>
          <p:cNvSpPr/>
          <p:nvPr>
            <p:custDataLst>
              <p:tags r:id="rId177"/>
            </p:custDataLst>
          </p:nvPr>
        </p:nvSpPr>
        <p:spPr>
          <a:xfrm>
            <a:off x="6722822" y="4967576"/>
            <a:ext cx="1262897" cy="464907"/>
          </a:xfrm>
          <a:prstGeom prst="snip2DiagRect">
            <a:avLst>
              <a:gd name="adj1" fmla="val 100000"/>
              <a:gd name="adj2" fmla="val 16667"/>
            </a:avLst>
          </a:prstGeom>
          <a:solidFill>
            <a:schemeClr val="accent2"/>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233" name="Connector: Elbow 232">
            <a:extLst>
              <a:ext uri="{FF2B5EF4-FFF2-40B4-BE49-F238E27FC236}">
                <a16:creationId xmlns:a16="http://schemas.microsoft.com/office/drawing/2014/main" id="{E33591A7-FC43-4BC5-9691-E3CE6B95D9F2}"/>
              </a:ext>
            </a:extLst>
          </p:cNvPr>
          <p:cNvCxnSpPr>
            <a:cxnSpLocks/>
          </p:cNvCxnSpPr>
          <p:nvPr/>
        </p:nvCxnSpPr>
        <p:spPr>
          <a:xfrm rot="5400000" flipH="1" flipV="1">
            <a:off x="7254327" y="4548513"/>
            <a:ext cx="2001846" cy="322006"/>
          </a:xfrm>
          <a:prstGeom prst="bentConnector3">
            <a:avLst>
              <a:gd name="adj1" fmla="val 50000"/>
            </a:avLst>
          </a:prstGeom>
          <a:ln>
            <a:tailEnd type="triangle"/>
          </a:ln>
        </p:spPr>
        <p:style>
          <a:lnRef idx="3">
            <a:schemeClr val="dk1"/>
          </a:lnRef>
          <a:fillRef idx="0">
            <a:schemeClr val="dk1"/>
          </a:fillRef>
          <a:effectRef idx="2">
            <a:schemeClr val="dk1"/>
          </a:effectRef>
          <a:fontRef idx="minor">
            <a:schemeClr val="tx1"/>
          </a:fontRef>
        </p:style>
      </p:cxnSp>
      <p:sp>
        <p:nvSpPr>
          <p:cNvPr id="243" name="OTLSHAPE_SLT_1f3ecdb523214d1c858ab8fb12392a13_Title">
            <a:extLst>
              <a:ext uri="{FF2B5EF4-FFF2-40B4-BE49-F238E27FC236}">
                <a16:creationId xmlns:a16="http://schemas.microsoft.com/office/drawing/2014/main" id="{0B348496-8207-49D9-96C4-8F6C935D98D5}"/>
              </a:ext>
            </a:extLst>
          </p:cNvPr>
          <p:cNvSpPr txBox="1"/>
          <p:nvPr>
            <p:custDataLst>
              <p:tags r:id="rId178"/>
            </p:custDataLst>
          </p:nvPr>
        </p:nvSpPr>
        <p:spPr>
          <a:xfrm>
            <a:off x="6588045" y="5089248"/>
            <a:ext cx="1557237"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RTK Testing</a:t>
            </a:r>
          </a:p>
        </p:txBody>
      </p:sp>
      <p:sp>
        <p:nvSpPr>
          <p:cNvPr id="244" name="OTLSHAPE_SLT_1f3ecdb523214d1c858ab8fb12392a13_Shape">
            <a:extLst>
              <a:ext uri="{FF2B5EF4-FFF2-40B4-BE49-F238E27FC236}">
                <a16:creationId xmlns:a16="http://schemas.microsoft.com/office/drawing/2014/main" id="{BC55D525-E6AA-41BB-9D40-38B5B358093C}"/>
              </a:ext>
            </a:extLst>
          </p:cNvPr>
          <p:cNvSpPr/>
          <p:nvPr>
            <p:custDataLst>
              <p:tags r:id="rId179"/>
            </p:custDataLst>
          </p:nvPr>
        </p:nvSpPr>
        <p:spPr>
          <a:xfrm>
            <a:off x="8799343" y="3784825"/>
            <a:ext cx="2013111" cy="461376"/>
          </a:xfrm>
          <a:prstGeom prst="snip2DiagRect">
            <a:avLst>
              <a:gd name="adj1" fmla="val 100000"/>
              <a:gd name="adj2" fmla="val 16667"/>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45" name="OTLSHAPE_SLT_1f3ecdb523214d1c858ab8fb12392a13_Title">
            <a:extLst>
              <a:ext uri="{FF2B5EF4-FFF2-40B4-BE49-F238E27FC236}">
                <a16:creationId xmlns:a16="http://schemas.microsoft.com/office/drawing/2014/main" id="{FC478A72-2BBB-480C-8C88-FFF1BEE7D411}"/>
              </a:ext>
            </a:extLst>
          </p:cNvPr>
          <p:cNvSpPr txBox="1"/>
          <p:nvPr>
            <p:custDataLst>
              <p:tags r:id="rId180"/>
            </p:custDataLst>
          </p:nvPr>
        </p:nvSpPr>
        <p:spPr>
          <a:xfrm>
            <a:off x="9028031" y="3810236"/>
            <a:ext cx="1445379" cy="43088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spc="-8">
                <a:solidFill>
                  <a:prstClr val="black"/>
                </a:solidFill>
                <a:latin typeface="Calibri" panose="020F0502020204030204" pitchFamily="34" charset="0"/>
              </a:rPr>
              <a:t>Refine Controller Tuning</a:t>
            </a:r>
            <a:endPar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endParaRPr>
          </a:p>
        </p:txBody>
      </p:sp>
      <p:pic>
        <p:nvPicPr>
          <p:cNvPr id="247" name="Picture 246">
            <a:extLst>
              <a:ext uri="{FF2B5EF4-FFF2-40B4-BE49-F238E27FC236}">
                <a16:creationId xmlns:a16="http://schemas.microsoft.com/office/drawing/2014/main" id="{CE2E79DB-8B45-4623-AE86-8CFD36152E9A}"/>
              </a:ext>
            </a:extLst>
          </p:cNvPr>
          <p:cNvPicPr>
            <a:picLocks noChangeAspect="1"/>
          </p:cNvPicPr>
          <p:nvPr/>
        </p:nvPicPr>
        <p:blipFill>
          <a:blip r:embed="rId184"/>
          <a:stretch>
            <a:fillRect/>
          </a:stretch>
        </p:blipFill>
        <p:spPr>
          <a:xfrm>
            <a:off x="9357882" y="2603189"/>
            <a:ext cx="2217818" cy="466757"/>
          </a:xfrm>
          <a:prstGeom prst="rect">
            <a:avLst/>
          </a:prstGeom>
        </p:spPr>
      </p:pic>
      <p:sp>
        <p:nvSpPr>
          <p:cNvPr id="248" name="OTLSHAPE_SLT_1f3ecdb523214d1c858ab8fb12392a13_Title">
            <a:extLst>
              <a:ext uri="{FF2B5EF4-FFF2-40B4-BE49-F238E27FC236}">
                <a16:creationId xmlns:a16="http://schemas.microsoft.com/office/drawing/2014/main" id="{B2E03559-070B-40DC-B2EB-C05A932839E2}"/>
              </a:ext>
            </a:extLst>
          </p:cNvPr>
          <p:cNvSpPr txBox="1"/>
          <p:nvPr>
            <p:custDataLst>
              <p:tags r:id="rId181"/>
            </p:custDataLst>
          </p:nvPr>
        </p:nvSpPr>
        <p:spPr>
          <a:xfrm>
            <a:off x="9572130" y="2729214"/>
            <a:ext cx="1802560"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Further Flight </a:t>
            </a:r>
            <a:r>
              <a:rPr kumimoji="0" lang="en-US" sz="1400" b="1" i="0" u="none" strike="noStrike" kern="1200" cap="none" spc="-8" normalizeH="0" baseline="0" noProof="0" err="1">
                <a:ln>
                  <a:noFill/>
                </a:ln>
                <a:solidFill>
                  <a:prstClr val="black"/>
                </a:solidFill>
                <a:effectLst/>
                <a:uLnTx/>
                <a:uFillTx/>
                <a:latin typeface="Calibri" panose="020F0502020204030204" pitchFamily="34" charset="0"/>
                <a:ea typeface="+mn-ea"/>
                <a:cs typeface="+mn-cs"/>
              </a:rPr>
              <a:t>Te</a:t>
            </a:r>
            <a:r>
              <a:rPr lang="en-US" sz="1400" b="1" spc="-8">
                <a:solidFill>
                  <a:prstClr val="black"/>
                </a:solidFill>
                <a:latin typeface="Calibri" panose="020F0502020204030204" pitchFamily="34" charset="0"/>
              </a:rPr>
              <a:t>sting</a:t>
            </a:r>
            <a:endParaRPr kumimoji="0" lang="en-US" sz="1400" b="1" i="0" u="none" strike="noStrike" kern="1200" cap="none" spc="-8" normalizeH="0" baseline="0" noProof="0">
              <a:ln>
                <a:noFill/>
              </a:ln>
              <a:solidFill>
                <a:prstClr val="black"/>
              </a:solidFill>
              <a:effectLst/>
              <a:uLnTx/>
              <a:uFillTx/>
              <a:latin typeface="Calibri" panose="020F0502020204030204" pitchFamily="34" charset="0"/>
              <a:ea typeface="+mn-ea"/>
              <a:cs typeface="+mn-cs"/>
            </a:endParaRPr>
          </a:p>
        </p:txBody>
      </p:sp>
      <p:cxnSp>
        <p:nvCxnSpPr>
          <p:cNvPr id="249" name="Connector: Elbow 248">
            <a:extLst>
              <a:ext uri="{FF2B5EF4-FFF2-40B4-BE49-F238E27FC236}">
                <a16:creationId xmlns:a16="http://schemas.microsoft.com/office/drawing/2014/main" id="{FD3870BA-264E-4CF0-8AC3-AB4B7B0EA708}"/>
              </a:ext>
            </a:extLst>
          </p:cNvPr>
          <p:cNvCxnSpPr>
            <a:cxnSpLocks/>
            <a:stCxn id="231" idx="0"/>
            <a:endCxn id="247" idx="2"/>
          </p:cNvCxnSpPr>
          <p:nvPr/>
        </p:nvCxnSpPr>
        <p:spPr>
          <a:xfrm flipV="1">
            <a:off x="9572130" y="3069946"/>
            <a:ext cx="894661" cy="404484"/>
          </a:xfrm>
          <a:prstGeom prst="bentConnector2">
            <a:avLst/>
          </a:prstGeom>
          <a:ln>
            <a:tailEnd type="triangle"/>
          </a:ln>
        </p:spPr>
        <p:style>
          <a:lnRef idx="3">
            <a:schemeClr val="dk1"/>
          </a:lnRef>
          <a:fillRef idx="0">
            <a:schemeClr val="dk1"/>
          </a:fillRef>
          <a:effectRef idx="2">
            <a:schemeClr val="dk1"/>
          </a:effectRef>
          <a:fontRef idx="minor">
            <a:schemeClr val="tx1"/>
          </a:fontRef>
        </p:style>
      </p:cxnSp>
      <p:cxnSp>
        <p:nvCxnSpPr>
          <p:cNvPr id="285" name="Connector: Elbow 284">
            <a:extLst>
              <a:ext uri="{FF2B5EF4-FFF2-40B4-BE49-F238E27FC236}">
                <a16:creationId xmlns:a16="http://schemas.microsoft.com/office/drawing/2014/main" id="{DD513F20-8399-4679-8963-F3FD760919E4}"/>
              </a:ext>
            </a:extLst>
          </p:cNvPr>
          <p:cNvCxnSpPr>
            <a:cxnSpLocks/>
          </p:cNvCxnSpPr>
          <p:nvPr/>
        </p:nvCxnSpPr>
        <p:spPr>
          <a:xfrm rot="5400000" flipH="1" flipV="1">
            <a:off x="4048241" y="3170962"/>
            <a:ext cx="444054" cy="211049"/>
          </a:xfrm>
          <a:prstGeom prst="bentConnector3">
            <a:avLst>
              <a:gd name="adj1" fmla="val -51"/>
            </a:avLst>
          </a:prstGeom>
          <a:ln>
            <a:tailEnd type="triangle"/>
          </a:ln>
        </p:spPr>
        <p:style>
          <a:lnRef idx="3">
            <a:schemeClr val="dk1"/>
          </a:lnRef>
          <a:fillRef idx="0">
            <a:schemeClr val="dk1"/>
          </a:fillRef>
          <a:effectRef idx="2">
            <a:schemeClr val="dk1"/>
          </a:effectRef>
          <a:fontRef idx="minor">
            <a:schemeClr val="tx1"/>
          </a:fontRef>
        </p:style>
      </p:cxnSp>
      <p:cxnSp>
        <p:nvCxnSpPr>
          <p:cNvPr id="286" name="Connector: Elbow 285">
            <a:extLst>
              <a:ext uri="{FF2B5EF4-FFF2-40B4-BE49-F238E27FC236}">
                <a16:creationId xmlns:a16="http://schemas.microsoft.com/office/drawing/2014/main" id="{E0215378-1A61-451C-B73A-743021E779ED}"/>
              </a:ext>
            </a:extLst>
          </p:cNvPr>
          <p:cNvCxnSpPr>
            <a:cxnSpLocks/>
            <a:endCxn id="247" idx="1"/>
          </p:cNvCxnSpPr>
          <p:nvPr/>
        </p:nvCxnSpPr>
        <p:spPr>
          <a:xfrm rot="16200000" flipH="1">
            <a:off x="8898354" y="2377040"/>
            <a:ext cx="539846" cy="379209"/>
          </a:xfrm>
          <a:prstGeom prst="bentConnector2">
            <a:avLst/>
          </a:prstGeom>
          <a:ln>
            <a:tailEnd type="triangle"/>
          </a:ln>
        </p:spPr>
        <p:style>
          <a:lnRef idx="3">
            <a:schemeClr val="dk1"/>
          </a:lnRef>
          <a:fillRef idx="0">
            <a:schemeClr val="dk1"/>
          </a:fillRef>
          <a:effectRef idx="2">
            <a:schemeClr val="dk1"/>
          </a:effectRef>
          <a:fontRef idx="minor">
            <a:schemeClr val="tx1"/>
          </a:fontRef>
        </p:style>
      </p:cxnSp>
      <p:cxnSp>
        <p:nvCxnSpPr>
          <p:cNvPr id="287" name="Connector: Elbow 286">
            <a:extLst>
              <a:ext uri="{FF2B5EF4-FFF2-40B4-BE49-F238E27FC236}">
                <a16:creationId xmlns:a16="http://schemas.microsoft.com/office/drawing/2014/main" id="{2F14E5E0-4DF0-4768-8DAC-5AD7ADF986E6}"/>
              </a:ext>
            </a:extLst>
          </p:cNvPr>
          <p:cNvCxnSpPr>
            <a:cxnSpLocks/>
          </p:cNvCxnSpPr>
          <p:nvPr/>
        </p:nvCxnSpPr>
        <p:spPr>
          <a:xfrm rot="5400000" flipH="1" flipV="1">
            <a:off x="9766480" y="4277959"/>
            <a:ext cx="2648205" cy="190395"/>
          </a:xfrm>
          <a:prstGeom prst="bentConnector3">
            <a:avLst>
              <a:gd name="adj1" fmla="val 50000"/>
            </a:avLst>
          </a:prstGeom>
          <a:ln>
            <a:tailEnd type="triangle"/>
          </a:ln>
        </p:spPr>
        <p:style>
          <a:lnRef idx="3">
            <a:schemeClr val="dk1"/>
          </a:lnRef>
          <a:fillRef idx="0">
            <a:schemeClr val="dk1"/>
          </a:fillRef>
          <a:effectRef idx="2">
            <a:schemeClr val="dk1"/>
          </a:effectRef>
          <a:fontRef idx="minor">
            <a:schemeClr val="tx1"/>
          </a:fontRef>
        </p:style>
      </p:cxnSp>
      <p:cxnSp>
        <p:nvCxnSpPr>
          <p:cNvPr id="225" name="Connector: Elbow 224">
            <a:extLst>
              <a:ext uri="{FF2B5EF4-FFF2-40B4-BE49-F238E27FC236}">
                <a16:creationId xmlns:a16="http://schemas.microsoft.com/office/drawing/2014/main" id="{180BE06E-5A12-434D-B902-63093AFFD813}"/>
              </a:ext>
            </a:extLst>
          </p:cNvPr>
          <p:cNvCxnSpPr>
            <a:cxnSpLocks/>
            <a:stCxn id="195" idx="0"/>
          </p:cNvCxnSpPr>
          <p:nvPr/>
        </p:nvCxnSpPr>
        <p:spPr>
          <a:xfrm>
            <a:off x="6629036" y="2838520"/>
            <a:ext cx="159731" cy="930635"/>
          </a:xfrm>
          <a:prstGeom prst="bentConnector2">
            <a:avLst/>
          </a:prstGeom>
          <a:ln>
            <a:tailEnd type="triangle"/>
          </a:ln>
        </p:spPr>
        <p:style>
          <a:lnRef idx="3">
            <a:schemeClr val="dk1"/>
          </a:lnRef>
          <a:fillRef idx="0">
            <a:schemeClr val="dk1"/>
          </a:fillRef>
          <a:effectRef idx="2">
            <a:schemeClr val="dk1"/>
          </a:effectRef>
          <a:fontRef idx="minor">
            <a:schemeClr val="tx1"/>
          </a:fontRef>
        </p:style>
      </p:cxnSp>
      <p:cxnSp>
        <p:nvCxnSpPr>
          <p:cNvPr id="288" name="Connector: Elbow 287">
            <a:extLst>
              <a:ext uri="{FF2B5EF4-FFF2-40B4-BE49-F238E27FC236}">
                <a16:creationId xmlns:a16="http://schemas.microsoft.com/office/drawing/2014/main" id="{D902509A-596D-4CD6-BAF9-7C7772527C5D}"/>
              </a:ext>
            </a:extLst>
          </p:cNvPr>
          <p:cNvCxnSpPr>
            <a:cxnSpLocks/>
            <a:stCxn id="244" idx="0"/>
          </p:cNvCxnSpPr>
          <p:nvPr/>
        </p:nvCxnSpPr>
        <p:spPr>
          <a:xfrm flipV="1">
            <a:off x="10812454" y="3054459"/>
            <a:ext cx="107640" cy="961054"/>
          </a:xfrm>
          <a:prstGeom prst="bentConnector2">
            <a:avLst/>
          </a:prstGeom>
          <a:ln>
            <a:tailEnd type="triangle"/>
          </a:ln>
        </p:spPr>
        <p:style>
          <a:lnRef idx="3">
            <a:schemeClr val="dk1"/>
          </a:lnRef>
          <a:fillRef idx="0">
            <a:schemeClr val="dk1"/>
          </a:fillRef>
          <a:effectRef idx="2">
            <a:schemeClr val="dk1"/>
          </a:effectRef>
          <a:fontRef idx="minor">
            <a:schemeClr val="tx1"/>
          </a:fontRef>
        </p:style>
      </p:cxnSp>
    </p:spTree>
    <p:custDataLst>
      <p:tags r:id="rId1"/>
    </p:custDataLst>
    <p:extLst>
      <p:ext uri="{BB962C8B-B14F-4D97-AF65-F5344CB8AC3E}">
        <p14:creationId xmlns:p14="http://schemas.microsoft.com/office/powerpoint/2010/main" val="43095639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a:xfrm>
            <a:off x="-2420" y="2100792"/>
            <a:ext cx="12196838" cy="1325563"/>
          </a:xfrm>
        </p:spPr>
        <p:txBody>
          <a:bodyPr>
            <a:normAutofit/>
          </a:bodyPr>
          <a:lstStyle/>
          <a:p>
            <a:pPr algn="ctr"/>
            <a:r>
              <a:rPr lang="en-US" sz="5400">
                <a:solidFill>
                  <a:schemeClr val="tx2"/>
                </a:solidFill>
                <a:latin typeface="Palatino Linotype"/>
              </a:rPr>
              <a:t>Questions?</a:t>
            </a:r>
            <a:endParaRPr lang="en-US" sz="5400">
              <a:solidFill>
                <a:schemeClr val="tx2"/>
              </a:solidFill>
              <a:latin typeface="Palatino Linotype" panose="02040502050505030304" pitchFamily="18" charset="0"/>
            </a:endParaRPr>
          </a:p>
        </p:txBody>
      </p:sp>
    </p:spTree>
    <p:extLst>
      <p:ext uri="{BB962C8B-B14F-4D97-AF65-F5344CB8AC3E}">
        <p14:creationId xmlns:p14="http://schemas.microsoft.com/office/powerpoint/2010/main" val="197101460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3E25EF9-573D-40F1-8537-7300816ABBED}"/>
              </a:ext>
            </a:extLst>
          </p:cNvPr>
          <p:cNvSpPr>
            <a:spLocks noGrp="1"/>
          </p:cNvSpPr>
          <p:nvPr>
            <p:ph type="title"/>
          </p:nvPr>
        </p:nvSpPr>
        <p:spPr/>
        <p:txBody>
          <a:bodyPr/>
          <a:lstStyle/>
          <a:p>
            <a:endParaRPr lang="en-US" dirty="0"/>
          </a:p>
        </p:txBody>
      </p:sp>
      <p:sp>
        <p:nvSpPr>
          <p:cNvPr id="3" name="Content Placeholder 2">
            <a:extLst>
              <a:ext uri="{FF2B5EF4-FFF2-40B4-BE49-F238E27FC236}">
                <a16:creationId xmlns:a16="http://schemas.microsoft.com/office/drawing/2014/main" id="{5A426BD7-DCBB-4265-A484-77326AE4FEEE}"/>
              </a:ext>
            </a:extLst>
          </p:cNvPr>
          <p:cNvSpPr>
            <a:spLocks noGrp="1"/>
          </p:cNvSpPr>
          <p:nvPr>
            <p:ph idx="1"/>
          </p:nvPr>
        </p:nvSpPr>
        <p:spPr/>
        <p:txBody>
          <a:bodyPr/>
          <a:lstStyle/>
          <a:p>
            <a:r>
              <a:rPr lang="en-US" dirty="0"/>
              <a:t>RTK order,</a:t>
            </a:r>
          </a:p>
          <a:p>
            <a:r>
              <a:rPr lang="en-US" dirty="0"/>
              <a:t>Image processing vs RTK</a:t>
            </a:r>
          </a:p>
          <a:p>
            <a:r>
              <a:rPr lang="en-US" dirty="0"/>
              <a:t>Specifications slide (overarching; Objective vs Thresh)</a:t>
            </a:r>
          </a:p>
          <a:p>
            <a:r>
              <a:rPr lang="en-US" dirty="0" err="1"/>
              <a:t>Scaneagle</a:t>
            </a:r>
            <a:r>
              <a:rPr lang="en-US" dirty="0"/>
              <a:t> vs ours comparison. Different missions, different capabilities. Maybe units with CH drones.</a:t>
            </a:r>
          </a:p>
          <a:p>
            <a:r>
              <a:rPr lang="en-US" dirty="0"/>
              <a:t>Overview at the beginning.</a:t>
            </a:r>
          </a:p>
          <a:p>
            <a:r>
              <a:rPr lang="en-US" dirty="0" err="1"/>
              <a:t>Homography</a:t>
            </a:r>
            <a:r>
              <a:rPr lang="en-US" dirty="0"/>
              <a:t> matrix</a:t>
            </a:r>
          </a:p>
          <a:p>
            <a:r>
              <a:rPr lang="en-US" dirty="0"/>
              <a:t>Wrapping attitude, match heading </a:t>
            </a:r>
            <a:r>
              <a:rPr lang="en-US" dirty="0" err="1"/>
              <a:t>vecoters</a:t>
            </a:r>
            <a:r>
              <a:rPr lang="en-US" dirty="0"/>
              <a:t>, test </a:t>
            </a:r>
            <a:r>
              <a:rPr lang="en-US"/>
              <a:t>controlling velocities*</a:t>
            </a:r>
            <a:endParaRPr lang="en-US" dirty="0"/>
          </a:p>
        </p:txBody>
      </p:sp>
    </p:spTree>
    <p:extLst>
      <p:ext uri="{BB962C8B-B14F-4D97-AF65-F5344CB8AC3E}">
        <p14:creationId xmlns:p14="http://schemas.microsoft.com/office/powerpoint/2010/main" val="219933695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p:txBody>
          <a:bodyPr/>
          <a:lstStyle/>
          <a:p>
            <a:r>
              <a:rPr lang="en-US">
                <a:solidFill>
                  <a:schemeClr val="tx2"/>
                </a:solidFill>
                <a:latin typeface="Palatino Linotype" panose="02040502050505030304" pitchFamily="18" charset="0"/>
              </a:rPr>
              <a:t>Future Development</a:t>
            </a:r>
            <a:endParaRPr lang="en-US">
              <a:latin typeface="Palatino Linotype" panose="02040502050505030304" pitchFamily="18" charset="0"/>
            </a:endParaRPr>
          </a:p>
        </p:txBody>
      </p:sp>
      <p:sp>
        <p:nvSpPr>
          <p:cNvPr id="4" name="Arrow: Pentagon 3">
            <a:extLst>
              <a:ext uri="{FF2B5EF4-FFF2-40B4-BE49-F238E27FC236}">
                <a16:creationId xmlns:a16="http://schemas.microsoft.com/office/drawing/2014/main" id="{B8724381-E023-484E-A2A6-4C417FCFD2FB}"/>
              </a:ext>
            </a:extLst>
          </p:cNvPr>
          <p:cNvSpPr/>
          <p:nvPr/>
        </p:nvSpPr>
        <p:spPr>
          <a:xfrm>
            <a:off x="473109" y="3673476"/>
            <a:ext cx="10939605" cy="428624"/>
          </a:xfrm>
          <a:prstGeom prst="homePlate">
            <a:avLst/>
          </a:prstGeom>
          <a:solidFill>
            <a:sysClr val="window" lastClr="FFFFFF">
              <a:lumMod val="85000"/>
            </a:sysClr>
          </a:solidFill>
          <a:ln w="12700" cap="flat" cmpd="sng" algn="ctr">
            <a:noFill/>
            <a:prstDash val="solid"/>
            <a:miter lim="800000"/>
            <a:tailEnd type="arrow" w="sm" len="sm"/>
          </a:ln>
          <a:effectLst/>
        </p:spPr>
      </p:sp>
      <p:grpSp>
        <p:nvGrpSpPr>
          <p:cNvPr id="5" name="Group 4">
            <a:extLst>
              <a:ext uri="{FF2B5EF4-FFF2-40B4-BE49-F238E27FC236}">
                <a16:creationId xmlns:a16="http://schemas.microsoft.com/office/drawing/2014/main" id="{7925A798-5DCA-4838-9F54-B75022ED4300}"/>
              </a:ext>
            </a:extLst>
          </p:cNvPr>
          <p:cNvGrpSpPr/>
          <p:nvPr/>
        </p:nvGrpSpPr>
        <p:grpSpPr>
          <a:xfrm>
            <a:off x="2232728" y="1818811"/>
            <a:ext cx="2344303" cy="2119348"/>
            <a:chOff x="2126548" y="1818811"/>
            <a:chExt cx="2344303" cy="2119348"/>
          </a:xfrm>
        </p:grpSpPr>
        <p:grpSp>
          <p:nvGrpSpPr>
            <p:cNvPr id="6" name="Group 5">
              <a:extLst>
                <a:ext uri="{FF2B5EF4-FFF2-40B4-BE49-F238E27FC236}">
                  <a16:creationId xmlns:a16="http://schemas.microsoft.com/office/drawing/2014/main" id="{9D3633B5-56D8-4403-A4F1-B11E215729B5}"/>
                </a:ext>
              </a:extLst>
            </p:cNvPr>
            <p:cNvGrpSpPr/>
            <p:nvPr/>
          </p:nvGrpSpPr>
          <p:grpSpPr>
            <a:xfrm>
              <a:off x="2126548" y="1818811"/>
              <a:ext cx="392341" cy="2119348"/>
              <a:chOff x="647984" y="1869611"/>
              <a:chExt cx="392341" cy="2119348"/>
            </a:xfrm>
          </p:grpSpPr>
          <p:sp>
            <p:nvSpPr>
              <p:cNvPr id="10" name="Straight Connector 9">
                <a:extLst>
                  <a:ext uri="{FF2B5EF4-FFF2-40B4-BE49-F238E27FC236}">
                    <a16:creationId xmlns:a16="http://schemas.microsoft.com/office/drawing/2014/main" id="{E83F09D8-0FAC-4F4B-9DE3-BF0AF878FE5C}"/>
                  </a:ext>
                </a:extLst>
              </p:cNvPr>
              <p:cNvSpPr/>
              <p:nvPr/>
            </p:nvSpPr>
            <p:spPr>
              <a:xfrm>
                <a:off x="844155" y="2345626"/>
                <a:ext cx="0" cy="1592961"/>
              </a:xfrm>
              <a:prstGeom prst="line">
                <a:avLst/>
              </a:prstGeom>
              <a:noFill/>
              <a:ln w="3175" cap="flat" cmpd="sng" algn="ctr">
                <a:solidFill>
                  <a:srgbClr val="DE2C68"/>
                </a:solidFill>
                <a:prstDash val="solid"/>
                <a:miter lim="800000"/>
              </a:ln>
              <a:effectLst/>
            </p:spPr>
          </p:sp>
          <p:sp>
            <p:nvSpPr>
              <p:cNvPr id="11" name="Teardrop 10">
                <a:extLst>
                  <a:ext uri="{FF2B5EF4-FFF2-40B4-BE49-F238E27FC236}">
                    <a16:creationId xmlns:a16="http://schemas.microsoft.com/office/drawing/2014/main" id="{43BAECBF-B3F4-4C54-91BA-FAD7EE20F5F4}"/>
                  </a:ext>
                </a:extLst>
              </p:cNvPr>
              <p:cNvSpPr/>
              <p:nvPr/>
            </p:nvSpPr>
            <p:spPr>
              <a:xfrm rot="8100000">
                <a:off x="647984" y="1869611"/>
                <a:ext cx="392341" cy="392341"/>
              </a:xfrm>
              <a:prstGeom prst="teardrop">
                <a:avLst>
                  <a:gd name="adj" fmla="val 115000"/>
                </a:avLst>
              </a:prstGeom>
              <a:solidFill>
                <a:srgbClr val="DE2C68"/>
              </a:solidFill>
              <a:ln w="12700" cap="flat" cmpd="sng" algn="ctr">
                <a:noFill/>
                <a:prstDash val="solid"/>
                <a:miter lim="800000"/>
              </a:ln>
              <a:effectLst/>
            </p:spPr>
          </p:sp>
          <p:sp>
            <p:nvSpPr>
              <p:cNvPr id="12" name="Circle: Hollow 11">
                <a:extLst>
                  <a:ext uri="{FF2B5EF4-FFF2-40B4-BE49-F238E27FC236}">
                    <a16:creationId xmlns:a16="http://schemas.microsoft.com/office/drawing/2014/main" id="{505D7D33-B1CC-4991-A88D-00325BC0BEDC}"/>
                  </a:ext>
                </a:extLst>
              </p:cNvPr>
              <p:cNvSpPr/>
              <p:nvPr/>
            </p:nvSpPr>
            <p:spPr>
              <a:xfrm>
                <a:off x="691569" y="1913197"/>
                <a:ext cx="305170" cy="305170"/>
              </a:xfrm>
              <a:prstGeom prst="donut">
                <a:avLst/>
              </a:prstGeom>
              <a:solidFill>
                <a:sysClr val="window" lastClr="FFFFFF"/>
              </a:solidFill>
              <a:ln w="12700" cap="flat" cmpd="sng" algn="ctr">
                <a:noFill/>
                <a:prstDash val="solid"/>
                <a:miter lim="800000"/>
              </a:ln>
              <a:effectLst/>
            </p:spPr>
          </p:sp>
          <p:sp>
            <p:nvSpPr>
              <p:cNvPr id="13" name="Oval 12">
                <a:extLst>
                  <a:ext uri="{FF2B5EF4-FFF2-40B4-BE49-F238E27FC236}">
                    <a16:creationId xmlns:a16="http://schemas.microsoft.com/office/drawing/2014/main" id="{9E30ACE9-94B1-40B6-810D-B0C4E70FF5BD}"/>
                  </a:ext>
                </a:extLst>
              </p:cNvPr>
              <p:cNvSpPr/>
              <p:nvPr/>
            </p:nvSpPr>
            <p:spPr>
              <a:xfrm>
                <a:off x="796635" y="3888215"/>
                <a:ext cx="99873" cy="100744"/>
              </a:xfrm>
              <a:prstGeom prst="ellipse">
                <a:avLst/>
              </a:prstGeom>
              <a:solidFill>
                <a:srgbClr val="DE2C68"/>
              </a:solidFill>
              <a:ln w="6350" cap="flat" cmpd="sng" algn="ctr">
                <a:noFill/>
                <a:prstDash val="solid"/>
                <a:miter lim="800000"/>
              </a:ln>
              <a:effectLst/>
            </p:spPr>
          </p:sp>
        </p:grpSp>
        <p:grpSp>
          <p:nvGrpSpPr>
            <p:cNvPr id="7" name="Group 6">
              <a:extLst>
                <a:ext uri="{FF2B5EF4-FFF2-40B4-BE49-F238E27FC236}">
                  <a16:creationId xmlns:a16="http://schemas.microsoft.com/office/drawing/2014/main" id="{F6A6E3AE-2B68-464D-BD1D-C6644E3A4CE6}"/>
                </a:ext>
              </a:extLst>
            </p:cNvPr>
            <p:cNvGrpSpPr/>
            <p:nvPr/>
          </p:nvGrpSpPr>
          <p:grpSpPr>
            <a:xfrm>
              <a:off x="2438869" y="2559507"/>
              <a:ext cx="2031982" cy="942519"/>
              <a:chOff x="529734" y="3798126"/>
              <a:chExt cx="1262219" cy="942519"/>
            </a:xfrm>
          </p:grpSpPr>
          <p:sp>
            <p:nvSpPr>
              <p:cNvPr id="8" name="Rectangle 7">
                <a:extLst>
                  <a:ext uri="{FF2B5EF4-FFF2-40B4-BE49-F238E27FC236}">
                    <a16:creationId xmlns:a16="http://schemas.microsoft.com/office/drawing/2014/main" id="{D63342E8-B410-4560-BB53-C17E5BF2970B}"/>
                  </a:ext>
                </a:extLst>
              </p:cNvPr>
              <p:cNvSpPr/>
              <p:nvPr/>
            </p:nvSpPr>
            <p:spPr>
              <a:xfrm>
                <a:off x="529734" y="4094314"/>
                <a:ext cx="1262219" cy="646331"/>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a:ln>
                      <a:noFill/>
                    </a:ln>
                    <a:solidFill>
                      <a:prstClr val="black">
                        <a:lumMod val="65000"/>
                        <a:lumOff val="35000"/>
                      </a:prstClr>
                    </a:solidFill>
                    <a:effectLst/>
                    <a:uLnTx/>
                    <a:uFillTx/>
                    <a:latin typeface="Palatino Linotype" panose="02040502050505030304" pitchFamily="18" charset="0"/>
                    <a:ea typeface="Cambria" panose="02040503050406030204" pitchFamily="18" charset="0"/>
                    <a:cs typeface="Arial" panose="020B0604020202020204" pitchFamily="34" charset="0"/>
                  </a:rPr>
                  <a:t>SITL simulation testing computer-vision controlled</a:t>
                </a:r>
                <a:r>
                  <a:rPr lang="en-US" sz="1400" kern="0">
                    <a:solidFill>
                      <a:prstClr val="black">
                        <a:lumMod val="65000"/>
                        <a:lumOff val="35000"/>
                      </a:prstClr>
                    </a:solidFill>
                    <a:latin typeface="Palatino Linotype" panose="02040502050505030304" pitchFamily="18" charset="0"/>
                    <a:ea typeface="Cambria" panose="02040503050406030204" pitchFamily="18" charset="0"/>
                    <a:cs typeface="Arial" panose="020B0604020202020204" pitchFamily="34" charset="0"/>
                  </a:rPr>
                  <a:t> landing.</a:t>
                </a:r>
                <a:endParaRPr kumimoji="0" lang="en-US" sz="1400" b="0" i="0" u="none" strike="noStrike" kern="0" cap="none" spc="0" normalizeH="0" baseline="0" noProof="0">
                  <a:ln>
                    <a:noFill/>
                  </a:ln>
                  <a:solidFill>
                    <a:prstClr val="black">
                      <a:lumMod val="65000"/>
                      <a:lumOff val="35000"/>
                    </a:prstClr>
                  </a:solidFill>
                  <a:effectLst/>
                  <a:uLnTx/>
                  <a:uFillTx/>
                  <a:latin typeface="Palatino Linotype" panose="02040502050505030304" pitchFamily="18" charset="0"/>
                  <a:ea typeface="Cambria" panose="02040503050406030204" pitchFamily="18" charset="0"/>
                  <a:cs typeface="Arial" panose="020B0604020202020204" pitchFamily="34" charset="0"/>
                </a:endParaRPr>
              </a:p>
            </p:txBody>
          </p:sp>
          <p:sp>
            <p:nvSpPr>
              <p:cNvPr id="9" name="Rectangle 8">
                <a:extLst>
                  <a:ext uri="{FF2B5EF4-FFF2-40B4-BE49-F238E27FC236}">
                    <a16:creationId xmlns:a16="http://schemas.microsoft.com/office/drawing/2014/main" id="{03B0D8F5-D69E-4510-99D6-4C7F79F00FF0}"/>
                  </a:ext>
                </a:extLst>
              </p:cNvPr>
              <p:cNvSpPr/>
              <p:nvPr/>
            </p:nvSpPr>
            <p:spPr>
              <a:xfrm>
                <a:off x="529734" y="3798126"/>
                <a:ext cx="1262219" cy="246221"/>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600" b="1" kern="0">
                    <a:solidFill>
                      <a:srgbClr val="DE2C68"/>
                    </a:solidFill>
                    <a:latin typeface="Palatino Linotype" panose="02040502050505030304" pitchFamily="18" charset="0"/>
                    <a:ea typeface="Cambria" panose="02040503050406030204" pitchFamily="18" charset="0"/>
                    <a:cs typeface="Arial" panose="020B0604020202020204" pitchFamily="34" charset="0"/>
                  </a:rPr>
                  <a:t>Date</a:t>
                </a:r>
                <a:endParaRPr kumimoji="0" lang="en-US" sz="1600" b="1" i="0" u="none" strike="noStrike" kern="0" cap="none" spc="0" normalizeH="0" baseline="0" noProof="0">
                  <a:ln>
                    <a:noFill/>
                  </a:ln>
                  <a:solidFill>
                    <a:srgbClr val="DE2C68"/>
                  </a:solidFill>
                  <a:effectLst/>
                  <a:uLnTx/>
                  <a:uFillTx/>
                  <a:latin typeface="Palatino Linotype" panose="02040502050505030304" pitchFamily="18" charset="0"/>
                  <a:ea typeface="Cambria" panose="02040503050406030204" pitchFamily="18" charset="0"/>
                  <a:cs typeface="Arial" panose="020B0604020202020204" pitchFamily="34" charset="0"/>
                </a:endParaRPr>
              </a:p>
            </p:txBody>
          </p:sp>
        </p:grpSp>
      </p:grpSp>
      <p:grpSp>
        <p:nvGrpSpPr>
          <p:cNvPr id="14" name="Group 13">
            <a:extLst>
              <a:ext uri="{FF2B5EF4-FFF2-40B4-BE49-F238E27FC236}">
                <a16:creationId xmlns:a16="http://schemas.microsoft.com/office/drawing/2014/main" id="{CF1C6602-7F2A-44B2-8B33-76198A9CFBBC}"/>
              </a:ext>
            </a:extLst>
          </p:cNvPr>
          <p:cNvGrpSpPr/>
          <p:nvPr/>
        </p:nvGrpSpPr>
        <p:grpSpPr>
          <a:xfrm>
            <a:off x="5791911" y="1818811"/>
            <a:ext cx="2360141" cy="2119348"/>
            <a:chOff x="5746740" y="1818811"/>
            <a:chExt cx="2360141" cy="2119348"/>
          </a:xfrm>
        </p:grpSpPr>
        <p:grpSp>
          <p:nvGrpSpPr>
            <p:cNvPr id="15" name="Group 14">
              <a:extLst>
                <a:ext uri="{FF2B5EF4-FFF2-40B4-BE49-F238E27FC236}">
                  <a16:creationId xmlns:a16="http://schemas.microsoft.com/office/drawing/2014/main" id="{11A6F997-AA95-4FDF-9018-100ED86409A1}"/>
                </a:ext>
              </a:extLst>
            </p:cNvPr>
            <p:cNvGrpSpPr/>
            <p:nvPr/>
          </p:nvGrpSpPr>
          <p:grpSpPr>
            <a:xfrm>
              <a:off x="5746740" y="1818811"/>
              <a:ext cx="392341" cy="2119348"/>
              <a:chOff x="6882711" y="1869611"/>
              <a:chExt cx="392341" cy="2119348"/>
            </a:xfrm>
          </p:grpSpPr>
          <p:sp>
            <p:nvSpPr>
              <p:cNvPr id="19" name="Straight Connector 18">
                <a:extLst>
                  <a:ext uri="{FF2B5EF4-FFF2-40B4-BE49-F238E27FC236}">
                    <a16:creationId xmlns:a16="http://schemas.microsoft.com/office/drawing/2014/main" id="{FCE85887-7E01-4669-90FE-6F2CB9E59009}"/>
                  </a:ext>
                </a:extLst>
              </p:cNvPr>
              <p:cNvSpPr/>
              <p:nvPr/>
            </p:nvSpPr>
            <p:spPr>
              <a:xfrm>
                <a:off x="7078882" y="2345626"/>
                <a:ext cx="0" cy="1592961"/>
              </a:xfrm>
              <a:prstGeom prst="line">
                <a:avLst/>
              </a:prstGeom>
              <a:noFill/>
              <a:ln w="3175" cap="flat" cmpd="sng" algn="ctr">
                <a:solidFill>
                  <a:srgbClr val="30B3E7"/>
                </a:solidFill>
                <a:prstDash val="solid"/>
                <a:miter lim="800000"/>
              </a:ln>
              <a:effectLst/>
            </p:spPr>
          </p:sp>
          <p:sp>
            <p:nvSpPr>
              <p:cNvPr id="20" name="Teardrop 19">
                <a:extLst>
                  <a:ext uri="{FF2B5EF4-FFF2-40B4-BE49-F238E27FC236}">
                    <a16:creationId xmlns:a16="http://schemas.microsoft.com/office/drawing/2014/main" id="{371CE905-4C6B-4D5B-BE9B-4509D9A84F1E}"/>
                  </a:ext>
                </a:extLst>
              </p:cNvPr>
              <p:cNvSpPr/>
              <p:nvPr/>
            </p:nvSpPr>
            <p:spPr>
              <a:xfrm rot="8100000">
                <a:off x="6882711" y="1869611"/>
                <a:ext cx="392341" cy="392341"/>
              </a:xfrm>
              <a:prstGeom prst="teardrop">
                <a:avLst>
                  <a:gd name="adj" fmla="val 115000"/>
                </a:avLst>
              </a:prstGeom>
              <a:solidFill>
                <a:srgbClr val="30B3E7"/>
              </a:solidFill>
              <a:ln w="12700" cap="flat" cmpd="sng" algn="ctr">
                <a:noFill/>
                <a:prstDash val="solid"/>
                <a:miter lim="800000"/>
              </a:ln>
              <a:effectLst/>
            </p:spPr>
          </p:sp>
          <p:sp>
            <p:nvSpPr>
              <p:cNvPr id="21" name="Circle: Hollow 20">
                <a:extLst>
                  <a:ext uri="{FF2B5EF4-FFF2-40B4-BE49-F238E27FC236}">
                    <a16:creationId xmlns:a16="http://schemas.microsoft.com/office/drawing/2014/main" id="{15B3E726-14C0-450D-806A-4FFA4D23EC25}"/>
                  </a:ext>
                </a:extLst>
              </p:cNvPr>
              <p:cNvSpPr/>
              <p:nvPr/>
            </p:nvSpPr>
            <p:spPr>
              <a:xfrm>
                <a:off x="6926297" y="1913197"/>
                <a:ext cx="305170" cy="305170"/>
              </a:xfrm>
              <a:prstGeom prst="donut">
                <a:avLst/>
              </a:prstGeom>
              <a:solidFill>
                <a:sysClr val="window" lastClr="FFFFFF">
                  <a:hueOff val="0"/>
                  <a:satOff val="0"/>
                  <a:lumOff val="0"/>
                </a:sysClr>
              </a:solidFill>
              <a:ln w="12700" cap="flat" cmpd="sng" algn="ctr">
                <a:noFill/>
                <a:prstDash val="solid"/>
                <a:miter lim="800000"/>
              </a:ln>
              <a:effectLst/>
            </p:spPr>
          </p:sp>
          <p:sp>
            <p:nvSpPr>
              <p:cNvPr id="22" name="Oval 21">
                <a:extLst>
                  <a:ext uri="{FF2B5EF4-FFF2-40B4-BE49-F238E27FC236}">
                    <a16:creationId xmlns:a16="http://schemas.microsoft.com/office/drawing/2014/main" id="{F3290153-3A60-41B8-88B9-51313C469365}"/>
                  </a:ext>
                </a:extLst>
              </p:cNvPr>
              <p:cNvSpPr/>
              <p:nvPr/>
            </p:nvSpPr>
            <p:spPr>
              <a:xfrm>
                <a:off x="7031362" y="3888215"/>
                <a:ext cx="99873" cy="100744"/>
              </a:xfrm>
              <a:prstGeom prst="ellipse">
                <a:avLst/>
              </a:prstGeom>
              <a:solidFill>
                <a:srgbClr val="30B3E7"/>
              </a:solidFill>
              <a:ln w="6350" cap="flat" cmpd="sng" algn="ctr">
                <a:noFill/>
                <a:prstDash val="solid"/>
                <a:miter lim="800000"/>
              </a:ln>
              <a:effectLst/>
            </p:spPr>
          </p:sp>
        </p:grpSp>
        <p:grpSp>
          <p:nvGrpSpPr>
            <p:cNvPr id="16" name="Group 15">
              <a:extLst>
                <a:ext uri="{FF2B5EF4-FFF2-40B4-BE49-F238E27FC236}">
                  <a16:creationId xmlns:a16="http://schemas.microsoft.com/office/drawing/2014/main" id="{433882E7-AC07-45C2-A95B-347B71E1DF8E}"/>
                </a:ext>
              </a:extLst>
            </p:cNvPr>
            <p:cNvGrpSpPr/>
            <p:nvPr/>
          </p:nvGrpSpPr>
          <p:grpSpPr>
            <a:xfrm>
              <a:off x="6074899" y="2559507"/>
              <a:ext cx="2031982" cy="727075"/>
              <a:chOff x="529734" y="3798126"/>
              <a:chExt cx="1262219" cy="727075"/>
            </a:xfrm>
          </p:grpSpPr>
          <p:sp>
            <p:nvSpPr>
              <p:cNvPr id="17" name="Rectangle 16">
                <a:extLst>
                  <a:ext uri="{FF2B5EF4-FFF2-40B4-BE49-F238E27FC236}">
                    <a16:creationId xmlns:a16="http://schemas.microsoft.com/office/drawing/2014/main" id="{39EC7B2A-4959-4B01-9A3A-13291EA184AC}"/>
                  </a:ext>
                </a:extLst>
              </p:cNvPr>
              <p:cNvSpPr/>
              <p:nvPr/>
            </p:nvSpPr>
            <p:spPr>
              <a:xfrm>
                <a:off x="529734" y="4094314"/>
                <a:ext cx="1262219" cy="430887"/>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400" kern="0">
                    <a:solidFill>
                      <a:prstClr val="black">
                        <a:lumMod val="65000"/>
                        <a:lumOff val="35000"/>
                      </a:prstClr>
                    </a:solidFill>
                    <a:latin typeface="Palatino Linotype" panose="02040502050505030304" pitchFamily="18" charset="0"/>
                    <a:ea typeface="Cambria" panose="02040503050406030204" pitchFamily="18" charset="0"/>
                    <a:cs typeface="Arial" panose="020B0604020202020204" pitchFamily="34" charset="0"/>
                  </a:rPr>
                  <a:t>RTK and standard GPS accuracy test.</a:t>
                </a:r>
                <a:endParaRPr kumimoji="0" lang="en-US" sz="1400" b="0" i="0" u="none" strike="noStrike" kern="0" cap="none" spc="0" normalizeH="0" baseline="0" noProof="0">
                  <a:ln>
                    <a:noFill/>
                  </a:ln>
                  <a:solidFill>
                    <a:prstClr val="black">
                      <a:lumMod val="65000"/>
                      <a:lumOff val="35000"/>
                    </a:prstClr>
                  </a:solidFill>
                  <a:effectLst/>
                  <a:uLnTx/>
                  <a:uFillTx/>
                  <a:latin typeface="Palatino Linotype" panose="02040502050505030304" pitchFamily="18" charset="0"/>
                  <a:ea typeface="Cambria" panose="02040503050406030204" pitchFamily="18" charset="0"/>
                  <a:cs typeface="Arial" panose="020B0604020202020204" pitchFamily="34" charset="0"/>
                </a:endParaRPr>
              </a:p>
            </p:txBody>
          </p:sp>
          <p:sp>
            <p:nvSpPr>
              <p:cNvPr id="18" name="Rectangle 17">
                <a:extLst>
                  <a:ext uri="{FF2B5EF4-FFF2-40B4-BE49-F238E27FC236}">
                    <a16:creationId xmlns:a16="http://schemas.microsoft.com/office/drawing/2014/main" id="{6A52FFCA-4556-41F9-9E4A-2D4D7823F629}"/>
                  </a:ext>
                </a:extLst>
              </p:cNvPr>
              <p:cNvSpPr/>
              <p:nvPr/>
            </p:nvSpPr>
            <p:spPr>
              <a:xfrm>
                <a:off x="529734" y="3798126"/>
                <a:ext cx="1262219" cy="246221"/>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600" b="1" kern="0">
                    <a:solidFill>
                      <a:srgbClr val="30B3E7"/>
                    </a:solidFill>
                    <a:latin typeface="Palatino Linotype" panose="02040502050505030304" pitchFamily="18" charset="0"/>
                    <a:ea typeface="Cambria" panose="02040503050406030204" pitchFamily="18" charset="0"/>
                    <a:cs typeface="Arial" panose="020B0604020202020204" pitchFamily="34" charset="0"/>
                  </a:rPr>
                  <a:t>Date</a:t>
                </a:r>
                <a:endParaRPr kumimoji="0" lang="en-US" sz="1600" b="1" i="0" u="none" strike="noStrike" kern="0" cap="none" spc="0" normalizeH="0" baseline="0" noProof="0">
                  <a:ln>
                    <a:noFill/>
                  </a:ln>
                  <a:solidFill>
                    <a:srgbClr val="30B3E7"/>
                  </a:solidFill>
                  <a:effectLst/>
                  <a:uLnTx/>
                  <a:uFillTx/>
                  <a:latin typeface="Palatino Linotype" panose="02040502050505030304" pitchFamily="18" charset="0"/>
                  <a:ea typeface="Cambria" panose="02040503050406030204" pitchFamily="18" charset="0"/>
                  <a:cs typeface="Arial" panose="020B0604020202020204" pitchFamily="34" charset="0"/>
                </a:endParaRPr>
              </a:p>
            </p:txBody>
          </p:sp>
        </p:grpSp>
      </p:grpSp>
      <p:grpSp>
        <p:nvGrpSpPr>
          <p:cNvPr id="23" name="Group 22">
            <a:extLst>
              <a:ext uri="{FF2B5EF4-FFF2-40B4-BE49-F238E27FC236}">
                <a16:creationId xmlns:a16="http://schemas.microsoft.com/office/drawing/2014/main" id="{0E3AADEC-1DFF-4854-AF65-F4793C178919}"/>
              </a:ext>
            </a:extLst>
          </p:cNvPr>
          <p:cNvGrpSpPr/>
          <p:nvPr/>
        </p:nvGrpSpPr>
        <p:grpSpPr>
          <a:xfrm>
            <a:off x="9366934" y="1818811"/>
            <a:ext cx="2351957" cy="2119348"/>
            <a:chOff x="9366934" y="1818811"/>
            <a:chExt cx="2351957" cy="2119348"/>
          </a:xfrm>
        </p:grpSpPr>
        <p:grpSp>
          <p:nvGrpSpPr>
            <p:cNvPr id="24" name="Group 23">
              <a:extLst>
                <a:ext uri="{FF2B5EF4-FFF2-40B4-BE49-F238E27FC236}">
                  <a16:creationId xmlns:a16="http://schemas.microsoft.com/office/drawing/2014/main" id="{AE2C6D02-81B2-4BCE-BAF3-2E01B3C6DEE5}"/>
                </a:ext>
              </a:extLst>
            </p:cNvPr>
            <p:cNvGrpSpPr/>
            <p:nvPr/>
          </p:nvGrpSpPr>
          <p:grpSpPr>
            <a:xfrm>
              <a:off x="9366934" y="1818811"/>
              <a:ext cx="392341" cy="2119348"/>
              <a:chOff x="6882711" y="1869611"/>
              <a:chExt cx="392341" cy="2119348"/>
            </a:xfrm>
          </p:grpSpPr>
          <p:sp>
            <p:nvSpPr>
              <p:cNvPr id="28" name="Straight Connector 27">
                <a:extLst>
                  <a:ext uri="{FF2B5EF4-FFF2-40B4-BE49-F238E27FC236}">
                    <a16:creationId xmlns:a16="http://schemas.microsoft.com/office/drawing/2014/main" id="{B1742645-9CC3-4431-ABA5-8720B990A4CF}"/>
                  </a:ext>
                </a:extLst>
              </p:cNvPr>
              <p:cNvSpPr/>
              <p:nvPr/>
            </p:nvSpPr>
            <p:spPr>
              <a:xfrm>
                <a:off x="7078882" y="2345626"/>
                <a:ext cx="0" cy="1592961"/>
              </a:xfrm>
              <a:prstGeom prst="line">
                <a:avLst/>
              </a:prstGeom>
              <a:noFill/>
              <a:ln w="3175" cap="flat" cmpd="sng" algn="ctr">
                <a:solidFill>
                  <a:srgbClr val="F35614"/>
                </a:solidFill>
                <a:prstDash val="solid"/>
                <a:miter lim="800000"/>
              </a:ln>
              <a:effectLst/>
            </p:spPr>
          </p:sp>
          <p:sp>
            <p:nvSpPr>
              <p:cNvPr id="29" name="Teardrop 28">
                <a:extLst>
                  <a:ext uri="{FF2B5EF4-FFF2-40B4-BE49-F238E27FC236}">
                    <a16:creationId xmlns:a16="http://schemas.microsoft.com/office/drawing/2014/main" id="{1D540BEB-2EFD-4E89-A14B-EE2639C1B562}"/>
                  </a:ext>
                </a:extLst>
              </p:cNvPr>
              <p:cNvSpPr/>
              <p:nvPr/>
            </p:nvSpPr>
            <p:spPr>
              <a:xfrm rot="8100000">
                <a:off x="6882711" y="1869611"/>
                <a:ext cx="392341" cy="392341"/>
              </a:xfrm>
              <a:prstGeom prst="teardrop">
                <a:avLst>
                  <a:gd name="adj" fmla="val 115000"/>
                </a:avLst>
              </a:prstGeom>
              <a:solidFill>
                <a:srgbClr val="F35614"/>
              </a:solidFill>
              <a:ln w="12700" cap="flat" cmpd="sng" algn="ctr">
                <a:noFill/>
                <a:prstDash val="solid"/>
                <a:miter lim="800000"/>
              </a:ln>
              <a:effectLst/>
            </p:spPr>
          </p:sp>
          <p:sp>
            <p:nvSpPr>
              <p:cNvPr id="30" name="Circle: Hollow 29">
                <a:extLst>
                  <a:ext uri="{FF2B5EF4-FFF2-40B4-BE49-F238E27FC236}">
                    <a16:creationId xmlns:a16="http://schemas.microsoft.com/office/drawing/2014/main" id="{2AE1396D-C1BC-4872-84A2-B45ECCA076F0}"/>
                  </a:ext>
                </a:extLst>
              </p:cNvPr>
              <p:cNvSpPr/>
              <p:nvPr/>
            </p:nvSpPr>
            <p:spPr>
              <a:xfrm>
                <a:off x="6926297" y="1913197"/>
                <a:ext cx="305170" cy="305170"/>
              </a:xfrm>
              <a:prstGeom prst="donut">
                <a:avLst/>
              </a:prstGeom>
              <a:solidFill>
                <a:sysClr val="window" lastClr="FFFFFF">
                  <a:hueOff val="0"/>
                  <a:satOff val="0"/>
                  <a:lumOff val="0"/>
                </a:sysClr>
              </a:solidFill>
              <a:ln w="12700" cap="flat" cmpd="sng" algn="ctr">
                <a:noFill/>
                <a:prstDash val="solid"/>
                <a:miter lim="800000"/>
              </a:ln>
              <a:effectLst/>
            </p:spPr>
          </p:sp>
          <p:sp>
            <p:nvSpPr>
              <p:cNvPr id="31" name="Oval 30">
                <a:extLst>
                  <a:ext uri="{FF2B5EF4-FFF2-40B4-BE49-F238E27FC236}">
                    <a16:creationId xmlns:a16="http://schemas.microsoft.com/office/drawing/2014/main" id="{892E924D-887D-4C8A-A351-02D8E62C61E5}"/>
                  </a:ext>
                </a:extLst>
              </p:cNvPr>
              <p:cNvSpPr/>
              <p:nvPr/>
            </p:nvSpPr>
            <p:spPr>
              <a:xfrm>
                <a:off x="7031362" y="3888215"/>
                <a:ext cx="99873" cy="100744"/>
              </a:xfrm>
              <a:prstGeom prst="ellipse">
                <a:avLst/>
              </a:prstGeom>
              <a:solidFill>
                <a:srgbClr val="F35614"/>
              </a:solidFill>
              <a:ln w="6350" cap="flat" cmpd="sng" algn="ctr">
                <a:noFill/>
                <a:prstDash val="solid"/>
                <a:miter lim="800000"/>
              </a:ln>
              <a:effectLst/>
            </p:spPr>
          </p:sp>
        </p:grpSp>
        <p:grpSp>
          <p:nvGrpSpPr>
            <p:cNvPr id="25" name="Group 24">
              <a:extLst>
                <a:ext uri="{FF2B5EF4-FFF2-40B4-BE49-F238E27FC236}">
                  <a16:creationId xmlns:a16="http://schemas.microsoft.com/office/drawing/2014/main" id="{A0A94167-0E74-4ED0-9DB8-739CC6B1BC96}"/>
                </a:ext>
              </a:extLst>
            </p:cNvPr>
            <p:cNvGrpSpPr/>
            <p:nvPr/>
          </p:nvGrpSpPr>
          <p:grpSpPr>
            <a:xfrm>
              <a:off x="9686909" y="2559507"/>
              <a:ext cx="2031982" cy="511632"/>
              <a:chOff x="529734" y="3798126"/>
              <a:chExt cx="1262219" cy="511632"/>
            </a:xfrm>
          </p:grpSpPr>
          <p:sp>
            <p:nvSpPr>
              <p:cNvPr id="26" name="Rectangle 25">
                <a:extLst>
                  <a:ext uri="{FF2B5EF4-FFF2-40B4-BE49-F238E27FC236}">
                    <a16:creationId xmlns:a16="http://schemas.microsoft.com/office/drawing/2014/main" id="{0AE141AA-A0A6-44C7-A15F-DC4D8D8B1CA3}"/>
                  </a:ext>
                </a:extLst>
              </p:cNvPr>
              <p:cNvSpPr/>
              <p:nvPr/>
            </p:nvSpPr>
            <p:spPr>
              <a:xfrm>
                <a:off x="529734" y="4094314"/>
                <a:ext cx="1262219" cy="215444"/>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a:ln>
                      <a:noFill/>
                    </a:ln>
                    <a:solidFill>
                      <a:prstClr val="black">
                        <a:lumMod val="65000"/>
                        <a:lumOff val="35000"/>
                      </a:prstClr>
                    </a:solidFill>
                    <a:effectLst/>
                    <a:uLnTx/>
                    <a:uFillTx/>
                    <a:latin typeface="Palatino Linotype" panose="02040502050505030304" pitchFamily="18" charset="0"/>
                    <a:ea typeface="Cambria" panose="02040503050406030204" pitchFamily="18" charset="0"/>
                    <a:cs typeface="Arial" panose="020B0604020202020204" pitchFamily="34" charset="0"/>
                  </a:rPr>
                  <a:t>Final Goal</a:t>
                </a:r>
              </a:p>
            </p:txBody>
          </p:sp>
          <p:sp>
            <p:nvSpPr>
              <p:cNvPr id="27" name="Rectangle 26">
                <a:extLst>
                  <a:ext uri="{FF2B5EF4-FFF2-40B4-BE49-F238E27FC236}">
                    <a16:creationId xmlns:a16="http://schemas.microsoft.com/office/drawing/2014/main" id="{E09E545D-603C-4381-9130-2432E2650076}"/>
                  </a:ext>
                </a:extLst>
              </p:cNvPr>
              <p:cNvSpPr/>
              <p:nvPr/>
            </p:nvSpPr>
            <p:spPr>
              <a:xfrm>
                <a:off x="529734" y="3798126"/>
                <a:ext cx="1262219" cy="246221"/>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a:ln>
                      <a:noFill/>
                    </a:ln>
                    <a:solidFill>
                      <a:srgbClr val="F35614"/>
                    </a:solidFill>
                    <a:effectLst/>
                    <a:uLnTx/>
                    <a:uFillTx/>
                    <a:latin typeface="Palatino Linotype" panose="02040502050505030304" pitchFamily="18" charset="0"/>
                    <a:ea typeface="Cambria" panose="02040503050406030204" pitchFamily="18" charset="0"/>
                    <a:cs typeface="Arial" panose="020B0604020202020204" pitchFamily="34" charset="0"/>
                  </a:rPr>
                  <a:t>2022</a:t>
                </a:r>
              </a:p>
            </p:txBody>
          </p:sp>
        </p:grpSp>
      </p:grpSp>
      <p:grpSp>
        <p:nvGrpSpPr>
          <p:cNvPr id="32" name="Group 31">
            <a:extLst>
              <a:ext uri="{FF2B5EF4-FFF2-40B4-BE49-F238E27FC236}">
                <a16:creationId xmlns:a16="http://schemas.microsoft.com/office/drawing/2014/main" id="{C0AD64E8-3F54-44AA-A8FD-104ED734AB62}"/>
              </a:ext>
            </a:extLst>
          </p:cNvPr>
          <p:cNvGrpSpPr/>
          <p:nvPr/>
        </p:nvGrpSpPr>
        <p:grpSpPr>
          <a:xfrm>
            <a:off x="4017224" y="3837415"/>
            <a:ext cx="2334494" cy="2119349"/>
            <a:chOff x="3936644" y="3837415"/>
            <a:chExt cx="2334494" cy="2119349"/>
          </a:xfrm>
        </p:grpSpPr>
        <p:grpSp>
          <p:nvGrpSpPr>
            <p:cNvPr id="33" name="Group 32">
              <a:extLst>
                <a:ext uri="{FF2B5EF4-FFF2-40B4-BE49-F238E27FC236}">
                  <a16:creationId xmlns:a16="http://schemas.microsoft.com/office/drawing/2014/main" id="{59A2259B-9826-4CBC-BD83-66706EDCD562}"/>
                </a:ext>
              </a:extLst>
            </p:cNvPr>
            <p:cNvGrpSpPr/>
            <p:nvPr/>
          </p:nvGrpSpPr>
          <p:grpSpPr>
            <a:xfrm>
              <a:off x="3936644" y="3837415"/>
              <a:ext cx="392341" cy="2119349"/>
              <a:chOff x="2206666" y="3888215"/>
              <a:chExt cx="392341" cy="2119349"/>
            </a:xfrm>
          </p:grpSpPr>
          <p:sp>
            <p:nvSpPr>
              <p:cNvPr id="37" name="Straight Connector 36">
                <a:extLst>
                  <a:ext uri="{FF2B5EF4-FFF2-40B4-BE49-F238E27FC236}">
                    <a16:creationId xmlns:a16="http://schemas.microsoft.com/office/drawing/2014/main" id="{3D8E4AAC-E839-48B8-B4FD-46F8EC0A0109}"/>
                  </a:ext>
                </a:extLst>
              </p:cNvPr>
              <p:cNvSpPr/>
              <p:nvPr/>
            </p:nvSpPr>
            <p:spPr>
              <a:xfrm>
                <a:off x="2402836" y="3938588"/>
                <a:ext cx="0" cy="1592961"/>
              </a:xfrm>
              <a:prstGeom prst="line">
                <a:avLst/>
              </a:prstGeom>
              <a:noFill/>
              <a:ln w="3175" cap="flat" cmpd="sng" algn="ctr">
                <a:solidFill>
                  <a:srgbClr val="FBAA00"/>
                </a:solidFill>
                <a:prstDash val="solid"/>
                <a:miter lim="800000"/>
              </a:ln>
              <a:effectLst/>
            </p:spPr>
          </p:sp>
          <p:sp>
            <p:nvSpPr>
              <p:cNvPr id="38" name="Teardrop 37">
                <a:extLst>
                  <a:ext uri="{FF2B5EF4-FFF2-40B4-BE49-F238E27FC236}">
                    <a16:creationId xmlns:a16="http://schemas.microsoft.com/office/drawing/2014/main" id="{88B32CE7-121D-4682-86C9-C319D8A9F243}"/>
                  </a:ext>
                </a:extLst>
              </p:cNvPr>
              <p:cNvSpPr/>
              <p:nvPr/>
            </p:nvSpPr>
            <p:spPr>
              <a:xfrm rot="18900000">
                <a:off x="2206666" y="5615223"/>
                <a:ext cx="392341" cy="392341"/>
              </a:xfrm>
              <a:prstGeom prst="teardrop">
                <a:avLst>
                  <a:gd name="adj" fmla="val 115000"/>
                </a:avLst>
              </a:prstGeom>
              <a:solidFill>
                <a:srgbClr val="FBAA00">
                  <a:hueOff val="0"/>
                  <a:satOff val="0"/>
                  <a:lumOff val="0"/>
                  <a:alphaOff val="0"/>
                </a:srgbClr>
              </a:solidFill>
              <a:ln w="12700" cap="flat" cmpd="sng" algn="ctr">
                <a:noFill/>
                <a:prstDash val="solid"/>
                <a:miter lim="800000"/>
              </a:ln>
              <a:effectLst/>
            </p:spPr>
          </p:sp>
          <p:sp>
            <p:nvSpPr>
              <p:cNvPr id="39" name="Circle: Hollow 38">
                <a:extLst>
                  <a:ext uri="{FF2B5EF4-FFF2-40B4-BE49-F238E27FC236}">
                    <a16:creationId xmlns:a16="http://schemas.microsoft.com/office/drawing/2014/main" id="{1C3BA29F-FCAF-463C-94DB-3B8B64150401}"/>
                  </a:ext>
                </a:extLst>
              </p:cNvPr>
              <p:cNvSpPr/>
              <p:nvPr/>
            </p:nvSpPr>
            <p:spPr>
              <a:xfrm>
                <a:off x="2250251" y="5658808"/>
                <a:ext cx="305170" cy="305170"/>
              </a:xfrm>
              <a:prstGeom prst="donut">
                <a:avLst/>
              </a:prstGeom>
              <a:solidFill>
                <a:sysClr val="window" lastClr="FFFFFF">
                  <a:hueOff val="0"/>
                  <a:satOff val="0"/>
                  <a:lumOff val="0"/>
                </a:sysClr>
              </a:solidFill>
              <a:ln w="12700" cap="flat" cmpd="sng" algn="ctr">
                <a:noFill/>
                <a:prstDash val="solid"/>
                <a:miter lim="800000"/>
              </a:ln>
              <a:effectLst/>
            </p:spPr>
          </p:sp>
          <p:sp>
            <p:nvSpPr>
              <p:cNvPr id="40" name="Oval 39">
                <a:extLst>
                  <a:ext uri="{FF2B5EF4-FFF2-40B4-BE49-F238E27FC236}">
                    <a16:creationId xmlns:a16="http://schemas.microsoft.com/office/drawing/2014/main" id="{2DA044B0-EFFE-4584-8EFD-8BE5030C47D1}"/>
                  </a:ext>
                </a:extLst>
              </p:cNvPr>
              <p:cNvSpPr/>
              <p:nvPr/>
            </p:nvSpPr>
            <p:spPr>
              <a:xfrm>
                <a:off x="2355317" y="3888215"/>
                <a:ext cx="99873" cy="100744"/>
              </a:xfrm>
              <a:prstGeom prst="ellipse">
                <a:avLst/>
              </a:prstGeom>
              <a:solidFill>
                <a:srgbClr val="FBAA00">
                  <a:hueOff val="0"/>
                  <a:satOff val="0"/>
                  <a:lumOff val="0"/>
                  <a:alphaOff val="0"/>
                </a:srgbClr>
              </a:solidFill>
              <a:ln w="6350" cap="flat" cmpd="sng" algn="ctr">
                <a:noFill/>
                <a:prstDash val="solid"/>
                <a:miter lim="800000"/>
              </a:ln>
              <a:effectLst/>
            </p:spPr>
          </p:sp>
        </p:grpSp>
        <p:grpSp>
          <p:nvGrpSpPr>
            <p:cNvPr id="34" name="Group 33">
              <a:extLst>
                <a:ext uri="{FF2B5EF4-FFF2-40B4-BE49-F238E27FC236}">
                  <a16:creationId xmlns:a16="http://schemas.microsoft.com/office/drawing/2014/main" id="{022303C1-5AAE-46D7-BE6E-21B484DC202A}"/>
                </a:ext>
              </a:extLst>
            </p:cNvPr>
            <p:cNvGrpSpPr/>
            <p:nvPr/>
          </p:nvGrpSpPr>
          <p:grpSpPr>
            <a:xfrm>
              <a:off x="4239156" y="4348315"/>
              <a:ext cx="2031982" cy="1451233"/>
              <a:chOff x="529734" y="3798126"/>
              <a:chExt cx="1262219" cy="1149254"/>
            </a:xfrm>
          </p:grpSpPr>
          <p:sp>
            <p:nvSpPr>
              <p:cNvPr id="35" name="Rectangle 34">
                <a:extLst>
                  <a:ext uri="{FF2B5EF4-FFF2-40B4-BE49-F238E27FC236}">
                    <a16:creationId xmlns:a16="http://schemas.microsoft.com/office/drawing/2014/main" id="{56963D46-19FE-491D-BC97-A2F5A3645332}"/>
                  </a:ext>
                </a:extLst>
              </p:cNvPr>
              <p:cNvSpPr/>
              <p:nvPr/>
            </p:nvSpPr>
            <p:spPr>
              <a:xfrm>
                <a:off x="529734" y="4094314"/>
                <a:ext cx="1262219" cy="853066"/>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a:ln>
                      <a:noFill/>
                    </a:ln>
                    <a:solidFill>
                      <a:prstClr val="black">
                        <a:lumMod val="65000"/>
                        <a:lumOff val="35000"/>
                      </a:prstClr>
                    </a:solidFill>
                    <a:effectLst/>
                    <a:uLnTx/>
                    <a:uFillTx/>
                    <a:latin typeface="Palatino Linotype" panose="02040502050505030304" pitchFamily="18" charset="0"/>
                    <a:ea typeface="Cambria" panose="02040503050406030204" pitchFamily="18" charset="0"/>
                    <a:cs typeface="Arial" panose="020B0604020202020204" pitchFamily="34" charset="0"/>
                  </a:rPr>
                  <a:t>Multiple input multiple output controller transforming computer-vision positions to drone movements.</a:t>
                </a:r>
              </a:p>
            </p:txBody>
          </p:sp>
          <p:sp>
            <p:nvSpPr>
              <p:cNvPr id="36" name="Rectangle 35">
                <a:extLst>
                  <a:ext uri="{FF2B5EF4-FFF2-40B4-BE49-F238E27FC236}">
                    <a16:creationId xmlns:a16="http://schemas.microsoft.com/office/drawing/2014/main" id="{6854CD40-94C5-4873-B9ED-278D418FF51A}"/>
                  </a:ext>
                </a:extLst>
              </p:cNvPr>
              <p:cNvSpPr/>
              <p:nvPr/>
            </p:nvSpPr>
            <p:spPr>
              <a:xfrm>
                <a:off x="529734" y="3798126"/>
                <a:ext cx="1262219" cy="194986"/>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600" b="1" kern="0">
                    <a:solidFill>
                      <a:srgbClr val="FBAA00"/>
                    </a:solidFill>
                    <a:latin typeface="Palatino Linotype" panose="02040502050505030304" pitchFamily="18" charset="0"/>
                    <a:ea typeface="Cambria" panose="02040503050406030204" pitchFamily="18" charset="0"/>
                    <a:cs typeface="Arial" panose="020B0604020202020204" pitchFamily="34" charset="0"/>
                  </a:rPr>
                  <a:t>Date</a:t>
                </a:r>
                <a:endParaRPr kumimoji="0" lang="en-US" sz="1600" b="1" i="0" u="none" strike="noStrike" kern="0" cap="none" spc="0" normalizeH="0" baseline="0" noProof="0">
                  <a:ln>
                    <a:noFill/>
                  </a:ln>
                  <a:solidFill>
                    <a:srgbClr val="FBAA00"/>
                  </a:solidFill>
                  <a:effectLst/>
                  <a:uLnTx/>
                  <a:uFillTx/>
                  <a:latin typeface="Palatino Linotype" panose="02040502050505030304" pitchFamily="18" charset="0"/>
                  <a:ea typeface="Cambria" panose="02040503050406030204" pitchFamily="18" charset="0"/>
                  <a:cs typeface="Arial" panose="020B0604020202020204" pitchFamily="34" charset="0"/>
                </a:endParaRPr>
              </a:p>
            </p:txBody>
          </p:sp>
        </p:grpSp>
      </p:grpSp>
      <p:grpSp>
        <p:nvGrpSpPr>
          <p:cNvPr id="41" name="Group 40">
            <a:extLst>
              <a:ext uri="{FF2B5EF4-FFF2-40B4-BE49-F238E27FC236}">
                <a16:creationId xmlns:a16="http://schemas.microsoft.com/office/drawing/2014/main" id="{26C5A442-DAEB-4551-BCA8-F33B12C782A7}"/>
              </a:ext>
            </a:extLst>
          </p:cNvPr>
          <p:cNvGrpSpPr/>
          <p:nvPr/>
        </p:nvGrpSpPr>
        <p:grpSpPr>
          <a:xfrm>
            <a:off x="7592245" y="3837415"/>
            <a:ext cx="2334496" cy="2119349"/>
            <a:chOff x="7556836" y="3837415"/>
            <a:chExt cx="2334496" cy="2119349"/>
          </a:xfrm>
        </p:grpSpPr>
        <p:grpSp>
          <p:nvGrpSpPr>
            <p:cNvPr id="42" name="Group 41">
              <a:extLst>
                <a:ext uri="{FF2B5EF4-FFF2-40B4-BE49-F238E27FC236}">
                  <a16:creationId xmlns:a16="http://schemas.microsoft.com/office/drawing/2014/main" id="{B3FB5052-7180-4DE5-BB24-8C72699E8067}"/>
                </a:ext>
              </a:extLst>
            </p:cNvPr>
            <p:cNvGrpSpPr/>
            <p:nvPr/>
          </p:nvGrpSpPr>
          <p:grpSpPr>
            <a:xfrm>
              <a:off x="7556836" y="3837415"/>
              <a:ext cx="392341" cy="2119349"/>
              <a:chOff x="2206666" y="3888215"/>
              <a:chExt cx="392341" cy="2119349"/>
            </a:xfrm>
          </p:grpSpPr>
          <p:sp>
            <p:nvSpPr>
              <p:cNvPr id="46" name="Straight Connector 45">
                <a:extLst>
                  <a:ext uri="{FF2B5EF4-FFF2-40B4-BE49-F238E27FC236}">
                    <a16:creationId xmlns:a16="http://schemas.microsoft.com/office/drawing/2014/main" id="{5B8D85E5-8463-401D-93AE-23ABC81A8232}"/>
                  </a:ext>
                </a:extLst>
              </p:cNvPr>
              <p:cNvSpPr/>
              <p:nvPr/>
            </p:nvSpPr>
            <p:spPr>
              <a:xfrm>
                <a:off x="2402836" y="3938588"/>
                <a:ext cx="0" cy="1592961"/>
              </a:xfrm>
              <a:prstGeom prst="line">
                <a:avLst/>
              </a:prstGeom>
              <a:noFill/>
              <a:ln w="3175" cap="flat" cmpd="sng" algn="ctr">
                <a:solidFill>
                  <a:srgbClr val="55398A"/>
                </a:solidFill>
                <a:prstDash val="solid"/>
                <a:miter lim="800000"/>
              </a:ln>
              <a:effectLst/>
            </p:spPr>
          </p:sp>
          <p:sp>
            <p:nvSpPr>
              <p:cNvPr id="47" name="Teardrop 46">
                <a:extLst>
                  <a:ext uri="{FF2B5EF4-FFF2-40B4-BE49-F238E27FC236}">
                    <a16:creationId xmlns:a16="http://schemas.microsoft.com/office/drawing/2014/main" id="{C44C7E2F-13A9-454D-8D36-6FF68019A2C5}"/>
                  </a:ext>
                </a:extLst>
              </p:cNvPr>
              <p:cNvSpPr/>
              <p:nvPr/>
            </p:nvSpPr>
            <p:spPr>
              <a:xfrm rot="18900000">
                <a:off x="2206666" y="5615223"/>
                <a:ext cx="392341" cy="392341"/>
              </a:xfrm>
              <a:prstGeom prst="teardrop">
                <a:avLst>
                  <a:gd name="adj" fmla="val 115000"/>
                </a:avLst>
              </a:prstGeom>
              <a:solidFill>
                <a:srgbClr val="55398A"/>
              </a:solidFill>
              <a:ln w="12700" cap="flat" cmpd="sng" algn="ctr">
                <a:noFill/>
                <a:prstDash val="solid"/>
                <a:miter lim="800000"/>
              </a:ln>
              <a:effectLst/>
            </p:spPr>
          </p:sp>
          <p:sp>
            <p:nvSpPr>
              <p:cNvPr id="48" name="Circle: Hollow 47">
                <a:extLst>
                  <a:ext uri="{FF2B5EF4-FFF2-40B4-BE49-F238E27FC236}">
                    <a16:creationId xmlns:a16="http://schemas.microsoft.com/office/drawing/2014/main" id="{6850FA90-9C3C-448C-8E83-E8E9A25CC10C}"/>
                  </a:ext>
                </a:extLst>
              </p:cNvPr>
              <p:cNvSpPr/>
              <p:nvPr/>
            </p:nvSpPr>
            <p:spPr>
              <a:xfrm>
                <a:off x="2250251" y="5658808"/>
                <a:ext cx="305170" cy="305170"/>
              </a:xfrm>
              <a:prstGeom prst="donut">
                <a:avLst/>
              </a:prstGeom>
              <a:solidFill>
                <a:sysClr val="window" lastClr="FFFFFF">
                  <a:hueOff val="0"/>
                  <a:satOff val="0"/>
                  <a:lumOff val="0"/>
                </a:sysClr>
              </a:solidFill>
              <a:ln w="12700" cap="flat" cmpd="sng" algn="ctr">
                <a:noFill/>
                <a:prstDash val="solid"/>
                <a:miter lim="800000"/>
              </a:ln>
              <a:effectLst/>
            </p:spPr>
          </p:sp>
          <p:sp>
            <p:nvSpPr>
              <p:cNvPr id="49" name="Oval 48">
                <a:extLst>
                  <a:ext uri="{FF2B5EF4-FFF2-40B4-BE49-F238E27FC236}">
                    <a16:creationId xmlns:a16="http://schemas.microsoft.com/office/drawing/2014/main" id="{0E8B0538-4675-476C-868F-F7BDCA62E84A}"/>
                  </a:ext>
                </a:extLst>
              </p:cNvPr>
              <p:cNvSpPr/>
              <p:nvPr/>
            </p:nvSpPr>
            <p:spPr>
              <a:xfrm>
                <a:off x="2355317" y="3888215"/>
                <a:ext cx="99873" cy="100744"/>
              </a:xfrm>
              <a:prstGeom prst="ellipse">
                <a:avLst/>
              </a:prstGeom>
              <a:solidFill>
                <a:srgbClr val="55398A"/>
              </a:solidFill>
              <a:ln w="6350" cap="flat" cmpd="sng" algn="ctr">
                <a:noFill/>
                <a:prstDash val="solid"/>
                <a:miter lim="800000"/>
              </a:ln>
              <a:effectLst/>
            </p:spPr>
          </p:sp>
        </p:grpSp>
        <p:grpSp>
          <p:nvGrpSpPr>
            <p:cNvPr id="43" name="Group 42">
              <a:extLst>
                <a:ext uri="{FF2B5EF4-FFF2-40B4-BE49-F238E27FC236}">
                  <a16:creationId xmlns:a16="http://schemas.microsoft.com/office/drawing/2014/main" id="{92E62418-39D6-40FA-870C-B1B772E441AB}"/>
                </a:ext>
              </a:extLst>
            </p:cNvPr>
            <p:cNvGrpSpPr/>
            <p:nvPr/>
          </p:nvGrpSpPr>
          <p:grpSpPr>
            <a:xfrm>
              <a:off x="7859350" y="4348312"/>
              <a:ext cx="2031982" cy="804901"/>
              <a:chOff x="529734" y="3798126"/>
              <a:chExt cx="1262219" cy="637414"/>
            </a:xfrm>
          </p:grpSpPr>
          <p:sp>
            <p:nvSpPr>
              <p:cNvPr id="44" name="Rectangle 43">
                <a:extLst>
                  <a:ext uri="{FF2B5EF4-FFF2-40B4-BE49-F238E27FC236}">
                    <a16:creationId xmlns:a16="http://schemas.microsoft.com/office/drawing/2014/main" id="{15091C4A-C47A-4B61-969D-89C602900545}"/>
                  </a:ext>
                </a:extLst>
              </p:cNvPr>
              <p:cNvSpPr/>
              <p:nvPr/>
            </p:nvSpPr>
            <p:spPr>
              <a:xfrm>
                <a:off x="529734" y="4094314"/>
                <a:ext cx="1262219" cy="341226"/>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a:ln>
                      <a:noFill/>
                    </a:ln>
                    <a:solidFill>
                      <a:prstClr val="black">
                        <a:lumMod val="65000"/>
                        <a:lumOff val="35000"/>
                      </a:prstClr>
                    </a:solidFill>
                    <a:effectLst/>
                    <a:uLnTx/>
                    <a:uFillTx/>
                    <a:latin typeface="Palatino Linotype" panose="02040502050505030304" pitchFamily="18" charset="0"/>
                    <a:ea typeface="Cambria" panose="02040503050406030204" pitchFamily="18" charset="0"/>
                    <a:cs typeface="Arial" panose="020B0604020202020204" pitchFamily="34" charset="0"/>
                  </a:rPr>
                  <a:t>Adding robustness to image detection method.</a:t>
                </a:r>
              </a:p>
            </p:txBody>
          </p:sp>
          <p:sp>
            <p:nvSpPr>
              <p:cNvPr id="45" name="Rectangle 44">
                <a:extLst>
                  <a:ext uri="{FF2B5EF4-FFF2-40B4-BE49-F238E27FC236}">
                    <a16:creationId xmlns:a16="http://schemas.microsoft.com/office/drawing/2014/main" id="{B6E1B5AD-FA71-463F-9AC1-D9085731A62E}"/>
                  </a:ext>
                </a:extLst>
              </p:cNvPr>
              <p:cNvSpPr/>
              <p:nvPr/>
            </p:nvSpPr>
            <p:spPr>
              <a:xfrm>
                <a:off x="529734" y="3798126"/>
                <a:ext cx="1262219" cy="194986"/>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600" b="1" kern="0">
                    <a:solidFill>
                      <a:srgbClr val="7030A0"/>
                    </a:solidFill>
                    <a:latin typeface="Palatino Linotype" panose="02040502050505030304" pitchFamily="18" charset="0"/>
                    <a:ea typeface="Cambria" panose="02040503050406030204" pitchFamily="18" charset="0"/>
                    <a:cs typeface="Arial" panose="020B0604020202020204" pitchFamily="34" charset="0"/>
                  </a:rPr>
                  <a:t>Date</a:t>
                </a:r>
                <a:endParaRPr kumimoji="0" lang="en-US" sz="1600" b="1" i="0" u="none" strike="noStrike" kern="0" cap="none" spc="0" normalizeH="0" baseline="0" noProof="0">
                  <a:ln>
                    <a:noFill/>
                  </a:ln>
                  <a:solidFill>
                    <a:srgbClr val="7030A0"/>
                  </a:solidFill>
                  <a:effectLst/>
                  <a:uLnTx/>
                  <a:uFillTx/>
                  <a:latin typeface="Palatino Linotype" panose="02040502050505030304" pitchFamily="18" charset="0"/>
                  <a:ea typeface="Cambria" panose="02040503050406030204" pitchFamily="18" charset="0"/>
                  <a:cs typeface="Arial" panose="020B0604020202020204" pitchFamily="34" charset="0"/>
                </a:endParaRPr>
              </a:p>
            </p:txBody>
          </p:sp>
        </p:grpSp>
      </p:grpSp>
      <p:grpSp>
        <p:nvGrpSpPr>
          <p:cNvPr id="50" name="Group 49">
            <a:extLst>
              <a:ext uri="{FF2B5EF4-FFF2-40B4-BE49-F238E27FC236}">
                <a16:creationId xmlns:a16="http://schemas.microsoft.com/office/drawing/2014/main" id="{1D10FAA4-E624-4261-A141-DAB88EC92A56}"/>
              </a:ext>
            </a:extLst>
          </p:cNvPr>
          <p:cNvGrpSpPr/>
          <p:nvPr/>
        </p:nvGrpSpPr>
        <p:grpSpPr>
          <a:xfrm>
            <a:off x="458041" y="3837415"/>
            <a:ext cx="2334494" cy="2119349"/>
            <a:chOff x="3936644" y="3837415"/>
            <a:chExt cx="2334494" cy="2119349"/>
          </a:xfrm>
        </p:grpSpPr>
        <p:grpSp>
          <p:nvGrpSpPr>
            <p:cNvPr id="51" name="Group 50">
              <a:extLst>
                <a:ext uri="{FF2B5EF4-FFF2-40B4-BE49-F238E27FC236}">
                  <a16:creationId xmlns:a16="http://schemas.microsoft.com/office/drawing/2014/main" id="{50F767FB-C030-402A-B4EF-CD81CD763161}"/>
                </a:ext>
              </a:extLst>
            </p:cNvPr>
            <p:cNvGrpSpPr/>
            <p:nvPr/>
          </p:nvGrpSpPr>
          <p:grpSpPr>
            <a:xfrm>
              <a:off x="3936644" y="3837415"/>
              <a:ext cx="392341" cy="2119349"/>
              <a:chOff x="2206666" y="3888215"/>
              <a:chExt cx="392341" cy="2119349"/>
            </a:xfrm>
          </p:grpSpPr>
          <p:sp>
            <p:nvSpPr>
              <p:cNvPr id="55" name="Straight Connector 54">
                <a:extLst>
                  <a:ext uri="{FF2B5EF4-FFF2-40B4-BE49-F238E27FC236}">
                    <a16:creationId xmlns:a16="http://schemas.microsoft.com/office/drawing/2014/main" id="{3DCF07A2-7F1A-4269-BD21-A1C239D4780B}"/>
                  </a:ext>
                </a:extLst>
              </p:cNvPr>
              <p:cNvSpPr/>
              <p:nvPr/>
            </p:nvSpPr>
            <p:spPr>
              <a:xfrm>
                <a:off x="2402836" y="3938588"/>
                <a:ext cx="0" cy="1592961"/>
              </a:xfrm>
              <a:prstGeom prst="line">
                <a:avLst/>
              </a:prstGeom>
              <a:noFill/>
              <a:ln w="3175" cap="flat" cmpd="sng" algn="ctr">
                <a:solidFill>
                  <a:srgbClr val="D8343B"/>
                </a:solidFill>
                <a:prstDash val="solid"/>
                <a:miter lim="800000"/>
              </a:ln>
              <a:effectLst/>
            </p:spPr>
          </p:sp>
          <p:sp>
            <p:nvSpPr>
              <p:cNvPr id="56" name="Teardrop 55">
                <a:extLst>
                  <a:ext uri="{FF2B5EF4-FFF2-40B4-BE49-F238E27FC236}">
                    <a16:creationId xmlns:a16="http://schemas.microsoft.com/office/drawing/2014/main" id="{95F47994-B798-40E1-A291-CB5C23D713FA}"/>
                  </a:ext>
                </a:extLst>
              </p:cNvPr>
              <p:cNvSpPr/>
              <p:nvPr/>
            </p:nvSpPr>
            <p:spPr>
              <a:xfrm rot="18900000">
                <a:off x="2206666" y="5615223"/>
                <a:ext cx="392341" cy="392341"/>
              </a:xfrm>
              <a:prstGeom prst="teardrop">
                <a:avLst>
                  <a:gd name="adj" fmla="val 115000"/>
                </a:avLst>
              </a:prstGeom>
              <a:solidFill>
                <a:srgbClr val="D8343B"/>
              </a:solidFill>
              <a:ln w="12700" cap="flat" cmpd="sng" algn="ctr">
                <a:noFill/>
                <a:prstDash val="solid"/>
                <a:miter lim="800000"/>
              </a:ln>
              <a:effectLst/>
            </p:spPr>
          </p:sp>
          <p:sp>
            <p:nvSpPr>
              <p:cNvPr id="57" name="Circle: Hollow 56">
                <a:extLst>
                  <a:ext uri="{FF2B5EF4-FFF2-40B4-BE49-F238E27FC236}">
                    <a16:creationId xmlns:a16="http://schemas.microsoft.com/office/drawing/2014/main" id="{BCD6ACDA-A8A2-4F57-BDBB-28D245B8769A}"/>
                  </a:ext>
                </a:extLst>
              </p:cNvPr>
              <p:cNvSpPr/>
              <p:nvPr/>
            </p:nvSpPr>
            <p:spPr>
              <a:xfrm>
                <a:off x="2250251" y="5658808"/>
                <a:ext cx="305170" cy="305170"/>
              </a:xfrm>
              <a:prstGeom prst="donut">
                <a:avLst/>
              </a:prstGeom>
              <a:solidFill>
                <a:sysClr val="window" lastClr="FFFFFF">
                  <a:hueOff val="0"/>
                  <a:satOff val="0"/>
                  <a:lumOff val="0"/>
                </a:sysClr>
              </a:solidFill>
              <a:ln w="12700" cap="flat" cmpd="sng" algn="ctr">
                <a:noFill/>
                <a:prstDash val="solid"/>
                <a:miter lim="800000"/>
              </a:ln>
              <a:effectLst/>
            </p:spPr>
          </p:sp>
          <p:sp>
            <p:nvSpPr>
              <p:cNvPr id="58" name="Oval 57">
                <a:extLst>
                  <a:ext uri="{FF2B5EF4-FFF2-40B4-BE49-F238E27FC236}">
                    <a16:creationId xmlns:a16="http://schemas.microsoft.com/office/drawing/2014/main" id="{8B59B8CC-20E8-4D28-B04C-ED4F16E81EC6}"/>
                  </a:ext>
                </a:extLst>
              </p:cNvPr>
              <p:cNvSpPr/>
              <p:nvPr/>
            </p:nvSpPr>
            <p:spPr>
              <a:xfrm>
                <a:off x="2355317" y="3888215"/>
                <a:ext cx="99873" cy="100744"/>
              </a:xfrm>
              <a:prstGeom prst="ellipse">
                <a:avLst/>
              </a:prstGeom>
              <a:solidFill>
                <a:srgbClr val="D8343B"/>
              </a:solidFill>
              <a:ln w="6350" cap="flat" cmpd="sng" algn="ctr">
                <a:noFill/>
                <a:prstDash val="solid"/>
                <a:miter lim="800000"/>
              </a:ln>
              <a:effectLst/>
            </p:spPr>
          </p:sp>
        </p:grpSp>
        <p:grpSp>
          <p:nvGrpSpPr>
            <p:cNvPr id="52" name="Group 51">
              <a:extLst>
                <a:ext uri="{FF2B5EF4-FFF2-40B4-BE49-F238E27FC236}">
                  <a16:creationId xmlns:a16="http://schemas.microsoft.com/office/drawing/2014/main" id="{E0B1BA2B-A637-44C8-8AEB-39F07BC76916}"/>
                </a:ext>
              </a:extLst>
            </p:cNvPr>
            <p:cNvGrpSpPr/>
            <p:nvPr/>
          </p:nvGrpSpPr>
          <p:grpSpPr>
            <a:xfrm>
              <a:off x="4239156" y="4348314"/>
              <a:ext cx="2031982" cy="1235788"/>
              <a:chOff x="529734" y="3798126"/>
              <a:chExt cx="1262219" cy="978640"/>
            </a:xfrm>
          </p:grpSpPr>
          <p:sp>
            <p:nvSpPr>
              <p:cNvPr id="53" name="Rectangle 52">
                <a:extLst>
                  <a:ext uri="{FF2B5EF4-FFF2-40B4-BE49-F238E27FC236}">
                    <a16:creationId xmlns:a16="http://schemas.microsoft.com/office/drawing/2014/main" id="{1B64F113-941D-43B4-9B5B-CE90754B5FB3}"/>
                  </a:ext>
                </a:extLst>
              </p:cNvPr>
              <p:cNvSpPr/>
              <p:nvPr/>
            </p:nvSpPr>
            <p:spPr>
              <a:xfrm>
                <a:off x="529734" y="4094314"/>
                <a:ext cx="1262219" cy="682452"/>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a:ln>
                      <a:noFill/>
                    </a:ln>
                    <a:solidFill>
                      <a:prstClr val="black">
                        <a:lumMod val="65000"/>
                        <a:lumOff val="35000"/>
                      </a:prstClr>
                    </a:solidFill>
                    <a:effectLst/>
                    <a:uLnTx/>
                    <a:uFillTx/>
                    <a:latin typeface="Palatino Linotype" panose="02040502050505030304" pitchFamily="18" charset="0"/>
                    <a:ea typeface="Cambria" panose="02040503050406030204" pitchFamily="18" charset="0"/>
                    <a:cs typeface="Arial" panose="020B0604020202020204" pitchFamily="34" charset="0"/>
                  </a:rPr>
                  <a:t>Autonomously fly predetermined paths. Utilize GPS with RTK corrections.</a:t>
                </a:r>
              </a:p>
            </p:txBody>
          </p:sp>
          <p:sp>
            <p:nvSpPr>
              <p:cNvPr id="54" name="Rectangle 53">
                <a:extLst>
                  <a:ext uri="{FF2B5EF4-FFF2-40B4-BE49-F238E27FC236}">
                    <a16:creationId xmlns:a16="http://schemas.microsoft.com/office/drawing/2014/main" id="{1D90313B-13BA-4F3C-A44F-F54571CED33C}"/>
                  </a:ext>
                </a:extLst>
              </p:cNvPr>
              <p:cNvSpPr/>
              <p:nvPr/>
            </p:nvSpPr>
            <p:spPr>
              <a:xfrm>
                <a:off x="529734" y="3798126"/>
                <a:ext cx="1262219" cy="194986"/>
              </a:xfrm>
              <a:prstGeom prst="rect">
                <a:avLst/>
              </a:prstGeom>
            </p:spPr>
            <p:txBody>
              <a:bodyPr wrap="square" lIns="0" tIns="0" rIns="0" bIns="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a:ln>
                      <a:noFill/>
                    </a:ln>
                    <a:solidFill>
                      <a:srgbClr val="D8343B"/>
                    </a:solidFill>
                    <a:effectLst/>
                    <a:uLnTx/>
                    <a:uFillTx/>
                    <a:latin typeface="Palatino Linotype" panose="02040502050505030304" pitchFamily="18" charset="0"/>
                    <a:ea typeface="Cambria" panose="02040503050406030204" pitchFamily="18" charset="0"/>
                    <a:cs typeface="Arial" panose="020B0604020202020204" pitchFamily="34" charset="0"/>
                  </a:rPr>
                  <a:t>Test Flight II</a:t>
                </a:r>
              </a:p>
            </p:txBody>
          </p:sp>
        </p:grpSp>
      </p:grpSp>
    </p:spTree>
    <p:extLst>
      <p:ext uri="{BB962C8B-B14F-4D97-AF65-F5344CB8AC3E}">
        <p14:creationId xmlns:p14="http://schemas.microsoft.com/office/powerpoint/2010/main" val="2545504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83D899-95A4-4858-A33D-056C6F53A258}"/>
              </a:ext>
            </a:extLst>
          </p:cNvPr>
          <p:cNvSpPr>
            <a:spLocks noGrp="1"/>
          </p:cNvSpPr>
          <p:nvPr>
            <p:ph type="title"/>
          </p:nvPr>
        </p:nvSpPr>
        <p:spPr/>
        <p:txBody>
          <a:bodyPr/>
          <a:lstStyle/>
          <a:p>
            <a:r>
              <a:rPr lang="en-US"/>
              <a:t>Entrance Criteria</a:t>
            </a:r>
          </a:p>
        </p:txBody>
      </p:sp>
      <p:sp>
        <p:nvSpPr>
          <p:cNvPr id="3" name="Content Placeholder 2">
            <a:extLst>
              <a:ext uri="{FF2B5EF4-FFF2-40B4-BE49-F238E27FC236}">
                <a16:creationId xmlns:a16="http://schemas.microsoft.com/office/drawing/2014/main" id="{E7F17FBF-A0A5-47B4-8D48-D2C144F6E7C6}"/>
              </a:ext>
            </a:extLst>
          </p:cNvPr>
          <p:cNvSpPr>
            <a:spLocks noGrp="1"/>
          </p:cNvSpPr>
          <p:nvPr>
            <p:ph idx="1"/>
          </p:nvPr>
        </p:nvSpPr>
        <p:spPr/>
        <p:txBody>
          <a:bodyPr/>
          <a:lstStyle/>
          <a:p>
            <a:pPr algn="l" rtl="0" fontAlgn="base">
              <a:buFont typeface="Arial" panose="020B0604020202020204" pitchFamily="34" charset="0"/>
              <a:buChar char="•"/>
            </a:pPr>
            <a:r>
              <a:rPr lang="en-US" sz="1800" b="0" i="0" u="none" strike="noStrike">
                <a:effectLst/>
                <a:latin typeface="Calibri" panose="020F0502020204030204" pitchFamily="34" charset="0"/>
              </a:rPr>
              <a:t>Have you finalized your requirements documentation? (i.e. Have you made edits after instructor feedback?, Have you consulted with stakeholders on final approval?)</a:t>
            </a:r>
            <a:r>
              <a:rPr lang="en-US" sz="1800" b="0" i="0">
                <a:effectLst/>
                <a:latin typeface="Calibri" panose="020F0502020204030204" pitchFamily="34" charset="0"/>
              </a:rPr>
              <a:t> </a:t>
            </a:r>
            <a:endParaRPr lang="en-US" b="0" i="0">
              <a:effectLst/>
            </a:endParaRPr>
          </a:p>
          <a:p>
            <a:pPr algn="l" rtl="0" fontAlgn="base">
              <a:buFont typeface="Arial" panose="020B0604020202020204" pitchFamily="34" charset="0"/>
              <a:buChar char="•"/>
            </a:pPr>
            <a:r>
              <a:rPr lang="en-US" sz="1800" b="0" i="0" u="none" strike="noStrike">
                <a:effectLst/>
                <a:latin typeface="Calibri" panose="020F0502020204030204" pitchFamily="34" charset="0"/>
              </a:rPr>
              <a:t>Have you reviewed comments/questions from Status Presentation # 1? Are you able to provide answers if the same question arises again?</a:t>
            </a:r>
            <a:r>
              <a:rPr lang="en-US" sz="1800" b="0" i="0">
                <a:effectLst/>
                <a:latin typeface="Calibri" panose="020F0502020204030204" pitchFamily="34" charset="0"/>
              </a:rPr>
              <a:t> </a:t>
            </a:r>
            <a:endParaRPr lang="en-US" b="0" i="0">
              <a:effectLst/>
            </a:endParaRPr>
          </a:p>
          <a:p>
            <a:pPr algn="l" rtl="0" fontAlgn="base">
              <a:buFont typeface="Arial" panose="020B0604020202020204" pitchFamily="34" charset="0"/>
              <a:buChar char="•"/>
            </a:pPr>
            <a:r>
              <a:rPr lang="en-US" sz="1800" b="0" i="0" u="none" strike="noStrike">
                <a:effectLst/>
                <a:latin typeface="Calibri" panose="020F0502020204030204" pitchFamily="34" charset="0"/>
              </a:rPr>
              <a:t>Have you developed a budget?  Are you prepared to present updates to your budgets?</a:t>
            </a:r>
            <a:r>
              <a:rPr lang="en-US" sz="1800" b="0" i="0">
                <a:effectLst/>
                <a:latin typeface="Calibri" panose="020F0502020204030204" pitchFamily="34" charset="0"/>
              </a:rPr>
              <a:t> </a:t>
            </a:r>
            <a:endParaRPr lang="en-US" b="0" i="0">
              <a:effectLst/>
            </a:endParaRPr>
          </a:p>
          <a:p>
            <a:pPr algn="l" rtl="0" fontAlgn="base">
              <a:buFont typeface="Arial" panose="020B0604020202020204" pitchFamily="34" charset="0"/>
              <a:buChar char="•"/>
            </a:pPr>
            <a:r>
              <a:rPr lang="en-US" sz="1800" b="0" i="0" u="none" strike="noStrike">
                <a:effectLst/>
                <a:latin typeface="Calibri" panose="020F0502020204030204" pitchFamily="34" charset="0"/>
              </a:rPr>
              <a:t>Have you finalized/updated/maintained your list of stakeholders? Have you proactively engaged with stakeholders to ensure project is on track?</a:t>
            </a:r>
            <a:r>
              <a:rPr lang="en-US" sz="1800" b="0" i="0">
                <a:effectLst/>
                <a:latin typeface="Calibri" panose="020F0502020204030204" pitchFamily="34" charset="0"/>
              </a:rPr>
              <a:t> </a:t>
            </a:r>
          </a:p>
          <a:p>
            <a:endParaRPr lang="en-US"/>
          </a:p>
        </p:txBody>
      </p:sp>
    </p:spTree>
    <p:extLst>
      <p:ext uri="{BB962C8B-B14F-4D97-AF65-F5344CB8AC3E}">
        <p14:creationId xmlns:p14="http://schemas.microsoft.com/office/powerpoint/2010/main" val="192829741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25F8B0E-C105-47D6-97C0-3F9B6F35D5FC}"/>
              </a:ext>
            </a:extLst>
          </p:cNvPr>
          <p:cNvSpPr>
            <a:spLocks noGrp="1"/>
          </p:cNvSpPr>
          <p:nvPr>
            <p:ph type="title"/>
          </p:nvPr>
        </p:nvSpPr>
        <p:spPr/>
        <p:txBody>
          <a:bodyPr/>
          <a:lstStyle/>
          <a:p>
            <a:r>
              <a:rPr lang="en-US"/>
              <a:t>Exit Criteria</a:t>
            </a:r>
          </a:p>
        </p:txBody>
      </p:sp>
      <p:sp>
        <p:nvSpPr>
          <p:cNvPr id="3" name="Content Placeholder 2">
            <a:extLst>
              <a:ext uri="{FF2B5EF4-FFF2-40B4-BE49-F238E27FC236}">
                <a16:creationId xmlns:a16="http://schemas.microsoft.com/office/drawing/2014/main" id="{C9F4E5E8-CD76-40DF-A8E3-A2F11A269D71}"/>
              </a:ext>
            </a:extLst>
          </p:cNvPr>
          <p:cNvSpPr>
            <a:spLocks noGrp="1"/>
          </p:cNvSpPr>
          <p:nvPr>
            <p:ph idx="1"/>
          </p:nvPr>
        </p:nvSpPr>
        <p:spPr/>
        <p:txBody>
          <a:bodyPr>
            <a:normAutofit/>
          </a:bodyPr>
          <a:lstStyle/>
          <a:p>
            <a:pPr algn="l" rtl="0" fontAlgn="base">
              <a:buFont typeface="Arial" panose="020B0604020202020204" pitchFamily="34" charset="0"/>
              <a:buChar char="•"/>
            </a:pPr>
            <a:r>
              <a:rPr lang="en-US" sz="1800" b="0" i="0" u="none" strike="noStrike">
                <a:effectLst/>
                <a:latin typeface="Calibri" panose="020F0502020204030204" pitchFamily="34" charset="0"/>
              </a:rPr>
              <a:t>Does your preliminary design clearly convey how your system will close your identified capability gap?</a:t>
            </a:r>
            <a:r>
              <a:rPr lang="en-US" sz="1800" b="0" i="0">
                <a:effectLst/>
                <a:latin typeface="Calibri" panose="020F0502020204030204" pitchFamily="34" charset="0"/>
              </a:rPr>
              <a:t> </a:t>
            </a:r>
          </a:p>
          <a:p>
            <a:pPr algn="l" rtl="0" fontAlgn="base">
              <a:buFont typeface="Arial" panose="020B0604020202020204" pitchFamily="34" charset="0"/>
              <a:buChar char="•"/>
            </a:pPr>
            <a:r>
              <a:rPr lang="en-US" sz="1800" b="0" i="0" u="none" strike="noStrike">
                <a:effectLst/>
                <a:latin typeface="Calibri" panose="020F0502020204030204" pitchFamily="34" charset="0"/>
              </a:rPr>
              <a:t>Does your preliminary design convey how your system will accomplish your operational requirements?</a:t>
            </a:r>
            <a:r>
              <a:rPr lang="en-US" sz="1800" b="0" i="0">
                <a:effectLst/>
                <a:latin typeface="Calibri" panose="020F0502020204030204" pitchFamily="34" charset="0"/>
              </a:rPr>
              <a:t> </a:t>
            </a:r>
          </a:p>
          <a:p>
            <a:pPr algn="l" rtl="0" fontAlgn="base">
              <a:buFont typeface="Arial" panose="020B0604020202020204" pitchFamily="34" charset="0"/>
              <a:buChar char="•"/>
            </a:pPr>
            <a:r>
              <a:rPr lang="en-US" sz="1800" b="0" i="0" u="none" strike="noStrike">
                <a:effectLst/>
                <a:latin typeface="Calibri" panose="020F0502020204030204" pitchFamily="34" charset="0"/>
              </a:rPr>
              <a:t>Does your preliminary design indicate which configuration items will accomplish which functional requirements?</a:t>
            </a:r>
            <a:r>
              <a:rPr lang="en-US" sz="1800" b="0" i="0">
                <a:effectLst/>
                <a:latin typeface="Calibri" panose="020F0502020204030204" pitchFamily="34" charset="0"/>
              </a:rPr>
              <a:t> </a:t>
            </a:r>
          </a:p>
          <a:p>
            <a:pPr algn="l" rtl="0" fontAlgn="base">
              <a:buFont typeface="Arial" panose="020B0604020202020204" pitchFamily="34" charset="0"/>
              <a:buChar char="•"/>
            </a:pPr>
            <a:r>
              <a:rPr lang="en-US" sz="1800" b="0" i="0" u="none" strike="noStrike">
                <a:effectLst/>
                <a:latin typeface="Calibri" panose="020F0502020204030204" pitchFamily="34" charset="0"/>
              </a:rPr>
              <a:t>Is your design reasonable with respect to project cost, schedule, and performance?</a:t>
            </a:r>
            <a:r>
              <a:rPr lang="en-US" sz="1800" b="0" i="0">
                <a:effectLst/>
                <a:latin typeface="Calibri" panose="020F0502020204030204" pitchFamily="34" charset="0"/>
              </a:rPr>
              <a:t> </a:t>
            </a:r>
          </a:p>
          <a:p>
            <a:pPr algn="l" rtl="0" fontAlgn="base">
              <a:buFont typeface="Arial" panose="020B0604020202020204" pitchFamily="34" charset="0"/>
              <a:buChar char="•"/>
            </a:pPr>
            <a:r>
              <a:rPr lang="en-US" sz="1800" b="0" i="0" u="none" strike="noStrike">
                <a:effectLst/>
                <a:latin typeface="Calibri" panose="020F0502020204030204" pitchFamily="34" charset="0"/>
              </a:rPr>
              <a:t>Is your design properly documented and researched?</a:t>
            </a:r>
            <a:r>
              <a:rPr lang="en-US" sz="1800" b="0" i="0">
                <a:effectLst/>
                <a:latin typeface="Calibri" panose="020F0502020204030204" pitchFamily="34" charset="0"/>
              </a:rPr>
              <a:t> </a:t>
            </a:r>
          </a:p>
          <a:p>
            <a:pPr algn="l" rtl="0" fontAlgn="base">
              <a:buFont typeface="Arial" panose="020B0604020202020204" pitchFamily="34" charset="0"/>
              <a:buChar char="•"/>
            </a:pPr>
            <a:r>
              <a:rPr lang="en-US" sz="1800" b="0" i="0" u="none" strike="noStrike">
                <a:effectLst/>
                <a:latin typeface="Calibri" panose="020F0502020204030204" pitchFamily="34" charset="0"/>
              </a:rPr>
              <a:t>How well does your design define system inputs and outputs?</a:t>
            </a:r>
            <a:r>
              <a:rPr lang="en-US" sz="1800" b="0" i="0">
                <a:effectLst/>
                <a:latin typeface="Calibri" panose="020F0502020204030204" pitchFamily="34" charset="0"/>
              </a:rPr>
              <a:t> </a:t>
            </a:r>
          </a:p>
        </p:txBody>
      </p:sp>
    </p:spTree>
    <p:extLst>
      <p:ext uri="{BB962C8B-B14F-4D97-AF65-F5344CB8AC3E}">
        <p14:creationId xmlns:p14="http://schemas.microsoft.com/office/powerpoint/2010/main" val="139194402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77BAA2-2F7F-412C-8A91-7B58EDB92B90}"/>
              </a:ext>
            </a:extLst>
          </p:cNvPr>
          <p:cNvSpPr>
            <a:spLocks noGrp="1"/>
          </p:cNvSpPr>
          <p:nvPr>
            <p:ph type="title"/>
          </p:nvPr>
        </p:nvSpPr>
        <p:spPr/>
        <p:txBody>
          <a:bodyPr/>
          <a:lstStyle/>
          <a:p>
            <a:r>
              <a:rPr lang="en-US"/>
              <a:t>Additional considerations</a:t>
            </a:r>
          </a:p>
        </p:txBody>
      </p:sp>
      <p:sp>
        <p:nvSpPr>
          <p:cNvPr id="3" name="Content Placeholder 2">
            <a:extLst>
              <a:ext uri="{FF2B5EF4-FFF2-40B4-BE49-F238E27FC236}">
                <a16:creationId xmlns:a16="http://schemas.microsoft.com/office/drawing/2014/main" id="{1DBDD81F-AF7D-4167-A58F-E4B8B45F76F1}"/>
              </a:ext>
            </a:extLst>
          </p:cNvPr>
          <p:cNvSpPr>
            <a:spLocks noGrp="1"/>
          </p:cNvSpPr>
          <p:nvPr>
            <p:ph idx="1"/>
          </p:nvPr>
        </p:nvSpPr>
        <p:spPr/>
        <p:txBody>
          <a:bodyPr>
            <a:normAutofit fontScale="70000" lnSpcReduction="20000"/>
          </a:bodyPr>
          <a:lstStyle/>
          <a:p>
            <a:pPr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Communicate clearly how your design decisions time to your requirements  - Functional allocation to sub-system/CI’s.</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Identify diagrams to include network interfaces (Internal and External)</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Demonstrate, through information provided on the slides, how well the systems, subsystems and CI requirements are being scheduled and managed.</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Identify all subsystems, components, Cis and their relationships, including all connections/interfaces between them.  You can do this using graphics, pictures, or text.</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Identify/discuss any new trade studies or analyses used to make choices and resolve conflicts during the Design phase</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Identify/discuss how the functional and non-functional requirements defined in the FRD are allocated to the various subsystems, components, and CIs</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marL="742950" lvl="1" indent="-285750"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Discuss any requirements changes since the System Definition Review:</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marL="1143000" lvl="2" indent="-228600"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Security critical requirements;</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marL="1143000" lvl="2" indent="-228600"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Quality requirements (including reliability, availability, and maintainability); </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marL="1143000" lvl="2" indent="-228600"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Requirements supporting test and analysis (i.e., log files); </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marL="1143000" lvl="2" indent="-228600"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Safety critical requirements; </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marL="1143000" lvl="2" indent="-228600"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Environmental requirements for hardware components in the system, including shock, vibration, EMC, EMI, or atmospheric conditions requirements</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fontAlgn="base"/>
            <a:r>
              <a:rPr lang="en-US" sz="2200" b="0" i="0" u="none" strike="noStrike">
                <a:solidFill>
                  <a:srgbClr val="000000"/>
                </a:solidFill>
                <a:effectLst/>
                <a:latin typeface="Calibri" panose="020F0502020204030204" pitchFamily="34" charset="0"/>
              </a:rPr>
              <a:t>Identify/discuss </a:t>
            </a:r>
            <a:r>
              <a:rPr lang="en-US" sz="2200">
                <a:solidFill>
                  <a:srgbClr val="000000"/>
                </a:solidFill>
                <a:latin typeface="Calibri" panose="020F0502020204030204" pitchFamily="34" charset="0"/>
              </a:rPr>
              <a:t>any events and general test build </a:t>
            </a:r>
            <a:r>
              <a:rPr lang="en-US" sz="2200" b="0" i="0" u="none" strike="noStrike">
                <a:solidFill>
                  <a:srgbClr val="000000"/>
                </a:solidFill>
                <a:effectLst/>
                <a:latin typeface="Calibri" panose="020F0502020204030204" pitchFamily="34" charset="0"/>
              </a:rPr>
              <a:t>plans and deadlines</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pPr algn="l" rtl="0" fontAlgn="base">
              <a:buFont typeface="Arial" panose="020B0604020202020204" pitchFamily="34" charset="0"/>
              <a:buChar char="•"/>
            </a:pPr>
            <a:r>
              <a:rPr lang="en-US" sz="2200" b="0" i="0" u="none" strike="noStrike">
                <a:solidFill>
                  <a:srgbClr val="000000"/>
                </a:solidFill>
                <a:effectLst/>
                <a:latin typeface="Calibri" panose="020F0502020204030204" pitchFamily="34" charset="0"/>
              </a:rPr>
              <a:t>Identify/discuss test processes, including certification test requirements</a:t>
            </a:r>
            <a:r>
              <a:rPr lang="en-US" sz="2200" b="0" i="0">
                <a:solidFill>
                  <a:srgbClr val="000000"/>
                </a:solidFill>
                <a:effectLst/>
                <a:latin typeface="Calibri" panose="020F0502020204030204" pitchFamily="34" charset="0"/>
              </a:rPr>
              <a:t> </a:t>
            </a:r>
            <a:endParaRPr lang="en-US" sz="2200" b="0" i="0">
              <a:effectLst/>
              <a:latin typeface="Calibri" panose="020F0502020204030204" pitchFamily="34" charset="0"/>
            </a:endParaRPr>
          </a:p>
          <a:p>
            <a:endParaRPr lang="en-US"/>
          </a:p>
        </p:txBody>
      </p:sp>
    </p:spTree>
    <p:extLst>
      <p:ext uri="{BB962C8B-B14F-4D97-AF65-F5344CB8AC3E}">
        <p14:creationId xmlns:p14="http://schemas.microsoft.com/office/powerpoint/2010/main" val="107782657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132B2C2-3651-4DF9-B49F-12AAAA30A249}"/>
              </a:ext>
            </a:extLst>
          </p:cNvPr>
          <p:cNvSpPr>
            <a:spLocks noGrp="1"/>
          </p:cNvSpPr>
          <p:nvPr>
            <p:ph type="title"/>
          </p:nvPr>
        </p:nvSpPr>
        <p:spPr/>
        <p:txBody>
          <a:bodyPr/>
          <a:lstStyle/>
          <a:p>
            <a:r>
              <a:rPr lang="en-US">
                <a:solidFill>
                  <a:schemeClr val="tx2"/>
                </a:solidFill>
                <a:latin typeface="Palatino Linotype" panose="02040502050505030304" pitchFamily="18" charset="0"/>
              </a:rPr>
              <a:t>UAV Capstone</a:t>
            </a:r>
          </a:p>
        </p:txBody>
      </p:sp>
      <p:sp>
        <p:nvSpPr>
          <p:cNvPr id="3" name="Content Placeholder 2">
            <a:extLst>
              <a:ext uri="{FF2B5EF4-FFF2-40B4-BE49-F238E27FC236}">
                <a16:creationId xmlns:a16="http://schemas.microsoft.com/office/drawing/2014/main" id="{A45B0BFE-8225-4317-B594-1AEF66E9A48F}"/>
              </a:ext>
            </a:extLst>
          </p:cNvPr>
          <p:cNvSpPr>
            <a:spLocks noGrp="1"/>
          </p:cNvSpPr>
          <p:nvPr>
            <p:ph idx="1"/>
          </p:nvPr>
        </p:nvSpPr>
        <p:spPr>
          <a:xfrm>
            <a:off x="844193" y="1825625"/>
            <a:ext cx="10515600" cy="4351338"/>
          </a:xfrm>
        </p:spPr>
        <p:txBody>
          <a:bodyPr>
            <a:normAutofit/>
          </a:bodyPr>
          <a:lstStyle/>
          <a:p>
            <a:pPr>
              <a:spcAft>
                <a:spcPts val="600"/>
              </a:spcAft>
            </a:pPr>
            <a:r>
              <a:rPr lang="en-US">
                <a:solidFill>
                  <a:schemeClr val="tx2"/>
                </a:solidFill>
                <a:latin typeface="Palatino Linotype" panose="02040502050505030304" pitchFamily="18" charset="0"/>
              </a:rPr>
              <a:t>Our objective is to design a low cost, open architecture, and cooperative autonomous quadcopter.</a:t>
            </a:r>
          </a:p>
          <a:p>
            <a:pPr>
              <a:spcAft>
                <a:spcPts val="600"/>
              </a:spcAft>
            </a:pPr>
            <a:r>
              <a:rPr lang="en-US">
                <a:solidFill>
                  <a:schemeClr val="tx2"/>
                </a:solidFill>
                <a:latin typeface="Palatino Linotype" panose="02040502050505030304" pitchFamily="18" charset="0"/>
              </a:rPr>
              <a:t>Key Performance Parameters:</a:t>
            </a:r>
          </a:p>
          <a:p>
            <a:pPr lvl="1">
              <a:spcAft>
                <a:spcPts val="600"/>
              </a:spcAft>
            </a:pPr>
            <a:r>
              <a:rPr lang="en-US">
                <a:solidFill>
                  <a:schemeClr val="tx2"/>
                </a:solidFill>
                <a:latin typeface="Palatino Linotype" panose="02040502050505030304" pitchFamily="18" charset="0"/>
              </a:rPr>
              <a:t>Stable, Autonomous Flight</a:t>
            </a:r>
          </a:p>
          <a:p>
            <a:pPr lvl="1">
              <a:spcAft>
                <a:spcPts val="600"/>
              </a:spcAft>
            </a:pPr>
            <a:r>
              <a:rPr lang="en-US">
                <a:solidFill>
                  <a:schemeClr val="tx2"/>
                </a:solidFill>
                <a:latin typeface="Palatino Linotype" panose="02040502050505030304" pitchFamily="18" charset="0"/>
              </a:rPr>
              <a:t>Takeoff and Landing from the ASV</a:t>
            </a:r>
          </a:p>
          <a:p>
            <a:pPr lvl="2">
              <a:spcAft>
                <a:spcPts val="600"/>
              </a:spcAft>
            </a:pPr>
            <a:r>
              <a:rPr lang="en-US">
                <a:solidFill>
                  <a:schemeClr val="tx2"/>
                </a:solidFill>
                <a:latin typeface="Palatino Linotype" panose="02040502050505030304" pitchFamily="18" charset="0"/>
              </a:rPr>
              <a:t>Image Processing for Target Recognition</a:t>
            </a:r>
          </a:p>
          <a:p>
            <a:pPr lvl="1">
              <a:spcAft>
                <a:spcPts val="600"/>
              </a:spcAft>
            </a:pPr>
            <a:r>
              <a:rPr lang="en-US">
                <a:solidFill>
                  <a:schemeClr val="tx2"/>
                </a:solidFill>
                <a:latin typeface="Palatino Linotype" panose="02040502050505030304" pitchFamily="18" charset="0"/>
              </a:rPr>
              <a:t>Transporting Small Payloads</a:t>
            </a:r>
          </a:p>
          <a:p>
            <a:pPr lvl="1">
              <a:spcAft>
                <a:spcPts val="600"/>
              </a:spcAft>
            </a:pPr>
            <a:r>
              <a:rPr lang="en-US">
                <a:solidFill>
                  <a:schemeClr val="tx2"/>
                </a:solidFill>
                <a:latin typeface="Palatino Linotype" panose="02040502050505030304" pitchFamily="18" charset="0"/>
              </a:rPr>
              <a:t>Coordinate Objectives with the ASV</a:t>
            </a:r>
          </a:p>
        </p:txBody>
      </p:sp>
      <p:pic>
        <p:nvPicPr>
          <p:cNvPr id="5" name="Picture 4">
            <a:extLst>
              <a:ext uri="{FF2B5EF4-FFF2-40B4-BE49-F238E27FC236}">
                <a16:creationId xmlns:a16="http://schemas.microsoft.com/office/drawing/2014/main" id="{4EE6F2D4-0DBE-48CF-8A62-C7A7E4629985}"/>
              </a:ext>
            </a:extLst>
          </p:cNvPr>
          <p:cNvPicPr>
            <a:picLocks noChangeAspect="1"/>
          </p:cNvPicPr>
          <p:nvPr/>
        </p:nvPicPr>
        <p:blipFill>
          <a:blip r:embed="rId3"/>
          <a:stretch>
            <a:fillRect/>
          </a:stretch>
        </p:blipFill>
        <p:spPr>
          <a:xfrm>
            <a:off x="6879588" y="2775503"/>
            <a:ext cx="5044642" cy="3536397"/>
          </a:xfrm>
          <a:prstGeom prst="rect">
            <a:avLst/>
          </a:prstGeom>
        </p:spPr>
      </p:pic>
    </p:spTree>
    <p:extLst>
      <p:ext uri="{BB962C8B-B14F-4D97-AF65-F5344CB8AC3E}">
        <p14:creationId xmlns:p14="http://schemas.microsoft.com/office/powerpoint/2010/main" val="207035250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a:xfrm>
            <a:off x="838200" y="313754"/>
            <a:ext cx="10515600" cy="1325563"/>
          </a:xfrm>
        </p:spPr>
        <p:txBody>
          <a:bodyPr/>
          <a:lstStyle/>
          <a:p>
            <a:r>
              <a:rPr lang="en-US">
                <a:solidFill>
                  <a:schemeClr val="tx2"/>
                </a:solidFill>
                <a:latin typeface="Palatino Linotype" panose="02040502050505030304" pitchFamily="18" charset="0"/>
              </a:rPr>
              <a:t>Stakeholder Analysis</a:t>
            </a:r>
          </a:p>
        </p:txBody>
      </p:sp>
      <p:graphicFrame>
        <p:nvGraphicFramePr>
          <p:cNvPr id="5" name="Content Placeholder 2">
            <a:extLst>
              <a:ext uri="{FF2B5EF4-FFF2-40B4-BE49-F238E27FC236}">
                <a16:creationId xmlns:a16="http://schemas.microsoft.com/office/drawing/2014/main" id="{513EEB96-8D50-4248-AB94-C1D9797E69CB}"/>
              </a:ext>
            </a:extLst>
          </p:cNvPr>
          <p:cNvGraphicFramePr>
            <a:graphicFrameLocks noGrp="1"/>
          </p:cNvGraphicFramePr>
          <p:nvPr>
            <p:ph idx="1"/>
            <p:extLst>
              <p:ext uri="{D42A27DB-BD31-4B8C-83A1-F6EECF244321}">
                <p14:modId xmlns:p14="http://schemas.microsoft.com/office/powerpoint/2010/main" val="1096726712"/>
              </p:ext>
            </p:extLst>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63537115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p:txBody>
          <a:bodyPr/>
          <a:lstStyle/>
          <a:p>
            <a:r>
              <a:rPr lang="en-US">
                <a:solidFill>
                  <a:schemeClr val="tx2"/>
                </a:solidFill>
                <a:latin typeface="Palatino Linotype" panose="02040502050505030304" pitchFamily="18" charset="0"/>
              </a:rPr>
              <a:t>Budget</a:t>
            </a:r>
          </a:p>
        </p:txBody>
      </p:sp>
      <p:sp>
        <p:nvSpPr>
          <p:cNvPr id="3" name="Content Placeholder 2">
            <a:extLst>
              <a:ext uri="{FF2B5EF4-FFF2-40B4-BE49-F238E27FC236}">
                <a16:creationId xmlns:a16="http://schemas.microsoft.com/office/drawing/2014/main" id="{4BC1EB17-17D9-46B5-BB18-29163431A1BD}"/>
              </a:ext>
            </a:extLst>
          </p:cNvPr>
          <p:cNvSpPr>
            <a:spLocks noGrp="1"/>
          </p:cNvSpPr>
          <p:nvPr>
            <p:ph idx="1"/>
          </p:nvPr>
        </p:nvSpPr>
        <p:spPr/>
        <p:txBody>
          <a:bodyPr vert="horz" lIns="91440" tIns="45720" rIns="91440" bIns="45720" rtlCol="0" anchor="t">
            <a:normAutofit/>
          </a:bodyPr>
          <a:lstStyle/>
          <a:p>
            <a:pPr marL="0" indent="0">
              <a:buNone/>
            </a:pPr>
            <a:r>
              <a:rPr lang="en-US" sz="3600" dirty="0">
                <a:solidFill>
                  <a:schemeClr val="tx2"/>
                </a:solidFill>
                <a:latin typeface="Palatino Linotype"/>
              </a:rPr>
              <a:t>Major Costs:</a:t>
            </a:r>
          </a:p>
          <a:p>
            <a:r>
              <a:rPr lang="en-US" sz="2400" dirty="0">
                <a:solidFill>
                  <a:schemeClr val="tx2"/>
                </a:solidFill>
                <a:latin typeface="Palatino Linotype"/>
              </a:rPr>
              <a:t>S500 Frame: $59</a:t>
            </a:r>
          </a:p>
          <a:p>
            <a:r>
              <a:rPr lang="en-US" sz="2400" dirty="0">
                <a:solidFill>
                  <a:schemeClr val="tx2"/>
                </a:solidFill>
                <a:latin typeface="Palatino Linotype"/>
              </a:rPr>
              <a:t>Motors: $100</a:t>
            </a:r>
          </a:p>
          <a:p>
            <a:r>
              <a:rPr lang="en-US" sz="2400" dirty="0">
                <a:solidFill>
                  <a:schemeClr val="tx2"/>
                </a:solidFill>
                <a:latin typeface="Palatino Linotype"/>
              </a:rPr>
              <a:t>Raspberry Pi 3B+: $55</a:t>
            </a:r>
          </a:p>
          <a:p>
            <a:r>
              <a:rPr lang="en-US" sz="2400" dirty="0">
                <a:solidFill>
                  <a:schemeClr val="tx2"/>
                </a:solidFill>
                <a:latin typeface="Palatino Linotype"/>
              </a:rPr>
              <a:t>Pixhawk 2.4.8: $75</a:t>
            </a:r>
          </a:p>
          <a:p>
            <a:r>
              <a:rPr lang="en-US" sz="2400" dirty="0">
                <a:solidFill>
                  <a:schemeClr val="tx2"/>
                </a:solidFill>
                <a:latin typeface="Palatino Linotype"/>
              </a:rPr>
              <a:t>RTK: $675</a:t>
            </a:r>
          </a:p>
        </p:txBody>
      </p:sp>
      <p:sp>
        <p:nvSpPr>
          <p:cNvPr id="4" name="TextBox 3">
            <a:extLst>
              <a:ext uri="{FF2B5EF4-FFF2-40B4-BE49-F238E27FC236}">
                <a16:creationId xmlns:a16="http://schemas.microsoft.com/office/drawing/2014/main" id="{D7AEB035-8AEE-41BF-9C7A-04E3434611D7}"/>
              </a:ext>
            </a:extLst>
          </p:cNvPr>
          <p:cNvSpPr txBox="1"/>
          <p:nvPr/>
        </p:nvSpPr>
        <p:spPr>
          <a:xfrm>
            <a:off x="838200" y="5101908"/>
            <a:ext cx="5257800" cy="523220"/>
          </a:xfrm>
          <a:prstGeom prst="rect">
            <a:avLst/>
          </a:prstGeom>
          <a:solidFill>
            <a:schemeClr val="accent4"/>
          </a:solidFill>
          <a:ln>
            <a:solidFill>
              <a:schemeClr val="tx2"/>
            </a:solidFill>
          </a:ln>
        </p:spPr>
        <p:txBody>
          <a:bodyPr wrap="square" rtlCol="0">
            <a:spAutoFit/>
          </a:bodyPr>
          <a:lstStyle/>
          <a:p>
            <a:r>
              <a:rPr lang="en-US" sz="2800">
                <a:solidFill>
                  <a:schemeClr val="tx2"/>
                </a:solidFill>
                <a:latin typeface="Palatino Linotype" panose="02040502050505030304" pitchFamily="18" charset="0"/>
              </a:rPr>
              <a:t>Approximate Drone Cost: $1025</a:t>
            </a:r>
          </a:p>
        </p:txBody>
      </p:sp>
      <p:sp>
        <p:nvSpPr>
          <p:cNvPr id="5" name="TextBox 4">
            <a:extLst>
              <a:ext uri="{FF2B5EF4-FFF2-40B4-BE49-F238E27FC236}">
                <a16:creationId xmlns:a16="http://schemas.microsoft.com/office/drawing/2014/main" id="{55B45AFB-4169-4E9C-AF1B-4C57A6010F5F}"/>
              </a:ext>
            </a:extLst>
          </p:cNvPr>
          <p:cNvSpPr txBox="1"/>
          <p:nvPr/>
        </p:nvSpPr>
        <p:spPr>
          <a:xfrm>
            <a:off x="6456451" y="1690688"/>
            <a:ext cx="4897348" cy="3662541"/>
          </a:xfrm>
          <a:prstGeom prst="rect">
            <a:avLst/>
          </a:prstGeom>
          <a:noFill/>
        </p:spPr>
        <p:txBody>
          <a:bodyPr wrap="square" rtlCol="0">
            <a:spAutoFit/>
          </a:bodyPr>
          <a:lstStyle/>
          <a:p>
            <a:r>
              <a:rPr lang="en-US" sz="3600">
                <a:solidFill>
                  <a:schemeClr val="tx2"/>
                </a:solidFill>
                <a:latin typeface="Palatino Linotype" panose="02040502050505030304" pitchFamily="18" charset="0"/>
              </a:rPr>
              <a:t>Future Costs:</a:t>
            </a:r>
          </a:p>
          <a:p>
            <a:pPr marL="457200" indent="-457200">
              <a:buFont typeface="Arial" panose="020B0604020202020204" pitchFamily="34" charset="0"/>
              <a:buChar char="•"/>
            </a:pPr>
            <a:r>
              <a:rPr lang="en-US" sz="2800">
                <a:solidFill>
                  <a:schemeClr val="tx2"/>
                </a:solidFill>
                <a:latin typeface="Palatino Linotype" panose="02040502050505030304" pitchFamily="18" charset="0"/>
              </a:rPr>
              <a:t>No anticipated additions to drone</a:t>
            </a:r>
          </a:p>
          <a:p>
            <a:pPr marL="457200" indent="-457200">
              <a:buFont typeface="Arial" panose="020B0604020202020204" pitchFamily="34" charset="0"/>
              <a:buChar char="•"/>
            </a:pPr>
            <a:r>
              <a:rPr lang="en-US" sz="2800">
                <a:solidFill>
                  <a:schemeClr val="tx2"/>
                </a:solidFill>
                <a:latin typeface="Palatino Linotype" panose="02040502050505030304" pitchFamily="18" charset="0"/>
              </a:rPr>
              <a:t>Dedicated computing resources will add additional costs (on hand versus new acquisition)</a:t>
            </a:r>
          </a:p>
          <a:p>
            <a:pPr marL="457200" indent="-457200">
              <a:buFont typeface="Arial" panose="020B0604020202020204" pitchFamily="34" charset="0"/>
              <a:buChar char="•"/>
            </a:pPr>
            <a:r>
              <a:rPr lang="en-US" sz="2800">
                <a:solidFill>
                  <a:schemeClr val="tx2"/>
                </a:solidFill>
                <a:latin typeface="Palatino Linotype" panose="02040502050505030304" pitchFamily="18" charset="0"/>
              </a:rPr>
              <a:t>Maintenance costs</a:t>
            </a:r>
          </a:p>
        </p:txBody>
      </p:sp>
    </p:spTree>
    <p:extLst>
      <p:ext uri="{BB962C8B-B14F-4D97-AF65-F5344CB8AC3E}">
        <p14:creationId xmlns:p14="http://schemas.microsoft.com/office/powerpoint/2010/main" val="407012661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9" name="Content Placeholder 28" descr="Diagram, schematic&#10;&#10;Description automatically generated">
            <a:extLst>
              <a:ext uri="{FF2B5EF4-FFF2-40B4-BE49-F238E27FC236}">
                <a16:creationId xmlns:a16="http://schemas.microsoft.com/office/drawing/2014/main" id="{FD2150E9-4D3E-48D1-8E5B-FD53C144931C}"/>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0" y="0"/>
            <a:ext cx="12192000" cy="6858000"/>
          </a:xfrm>
        </p:spPr>
      </p:pic>
    </p:spTree>
    <p:extLst>
      <p:ext uri="{BB962C8B-B14F-4D97-AF65-F5344CB8AC3E}">
        <p14:creationId xmlns:p14="http://schemas.microsoft.com/office/powerpoint/2010/main" val="138217732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p:txBody>
          <a:bodyPr/>
          <a:lstStyle/>
          <a:p>
            <a:r>
              <a:rPr lang="en-US">
                <a:solidFill>
                  <a:schemeClr val="tx2"/>
                </a:solidFill>
                <a:latin typeface="Palatino Linotype" panose="02040502050505030304" pitchFamily="18" charset="0"/>
              </a:rPr>
              <a:t>PDR: Physical/Mechanical Requirements</a:t>
            </a:r>
          </a:p>
        </p:txBody>
      </p:sp>
      <p:graphicFrame>
        <p:nvGraphicFramePr>
          <p:cNvPr id="5" name="Table 5">
            <a:extLst>
              <a:ext uri="{FF2B5EF4-FFF2-40B4-BE49-F238E27FC236}">
                <a16:creationId xmlns:a16="http://schemas.microsoft.com/office/drawing/2014/main" id="{5D71770B-C203-4F8D-A448-6270F96F5531}"/>
              </a:ext>
            </a:extLst>
          </p:cNvPr>
          <p:cNvGraphicFramePr>
            <a:graphicFrameLocks noGrp="1"/>
          </p:cNvGraphicFramePr>
          <p:nvPr>
            <p:ph idx="1"/>
            <p:extLst>
              <p:ext uri="{D42A27DB-BD31-4B8C-83A1-F6EECF244321}">
                <p14:modId xmlns:p14="http://schemas.microsoft.com/office/powerpoint/2010/main" val="734388650"/>
              </p:ext>
            </p:extLst>
          </p:nvPr>
        </p:nvGraphicFramePr>
        <p:xfrm>
          <a:off x="838200" y="1825625"/>
          <a:ext cx="10515600" cy="4186578"/>
        </p:xfrm>
        <a:graphic>
          <a:graphicData uri="http://schemas.openxmlformats.org/drawingml/2006/table">
            <a:tbl>
              <a:tblPr firstRow="1" bandRow="1">
                <a:tableStyleId>{5C22544A-7EE6-4342-B048-85BDC9FD1C3A}</a:tableStyleId>
              </a:tblPr>
              <a:tblGrid>
                <a:gridCol w="5257800">
                  <a:extLst>
                    <a:ext uri="{9D8B030D-6E8A-4147-A177-3AD203B41FA5}">
                      <a16:colId xmlns:a16="http://schemas.microsoft.com/office/drawing/2014/main" val="2393509857"/>
                    </a:ext>
                  </a:extLst>
                </a:gridCol>
                <a:gridCol w="5257800">
                  <a:extLst>
                    <a:ext uri="{9D8B030D-6E8A-4147-A177-3AD203B41FA5}">
                      <a16:colId xmlns:a16="http://schemas.microsoft.com/office/drawing/2014/main" val="2839832306"/>
                    </a:ext>
                  </a:extLst>
                </a:gridCol>
              </a:tblGrid>
              <a:tr h="561802">
                <a:tc>
                  <a:txBody>
                    <a:bodyPr/>
                    <a:lstStyle/>
                    <a:p>
                      <a:r>
                        <a:rPr lang="en-US"/>
                        <a:t>Requirement</a:t>
                      </a:r>
                    </a:p>
                  </a:txBody>
                  <a:tcPr/>
                </a:tc>
                <a:tc>
                  <a:txBody>
                    <a:bodyPr/>
                    <a:lstStyle/>
                    <a:p>
                      <a:r>
                        <a:rPr lang="en-US"/>
                        <a:t>Solution</a:t>
                      </a:r>
                    </a:p>
                  </a:txBody>
                  <a:tcPr/>
                </a:tc>
                <a:extLst>
                  <a:ext uri="{0D108BD9-81ED-4DB2-BD59-A6C34878D82A}">
                    <a16:rowId xmlns:a16="http://schemas.microsoft.com/office/drawing/2014/main" val="3066637602"/>
                  </a:ext>
                </a:extLst>
              </a:tr>
              <a:tr h="561802">
                <a:tc>
                  <a:txBody>
                    <a:bodyPr/>
                    <a:lstStyle/>
                    <a:p>
                      <a:r>
                        <a:rPr lang="en-US"/>
                        <a:t>Must not be too heavy (T: Weight &lt; 10 lb)</a:t>
                      </a:r>
                    </a:p>
                  </a:txBody>
                  <a:tcPr/>
                </a:tc>
                <a:tc>
                  <a:txBody>
                    <a:bodyPr/>
                    <a:lstStyle/>
                    <a:p>
                      <a:r>
                        <a:rPr lang="en-US"/>
                        <a:t>Small Platform, Weight = 3.05 lb</a:t>
                      </a:r>
                    </a:p>
                  </a:txBody>
                  <a:tcPr/>
                </a:tc>
                <a:extLst>
                  <a:ext uri="{0D108BD9-81ED-4DB2-BD59-A6C34878D82A}">
                    <a16:rowId xmlns:a16="http://schemas.microsoft.com/office/drawing/2014/main" val="1739941790"/>
                  </a:ext>
                </a:extLst>
              </a:tr>
              <a:tr h="561802">
                <a:tc>
                  <a:txBody>
                    <a:bodyPr/>
                    <a:lstStyle/>
                    <a:p>
                      <a:r>
                        <a:rPr lang="en-US"/>
                        <a:t>Equipped with Camera, LIDAR or RTK</a:t>
                      </a:r>
                    </a:p>
                  </a:txBody>
                  <a:tcPr/>
                </a:tc>
                <a:tc>
                  <a:txBody>
                    <a:bodyPr/>
                    <a:lstStyle/>
                    <a:p>
                      <a:r>
                        <a:rPr lang="en-US"/>
                        <a:t>Equipped with all three</a:t>
                      </a:r>
                    </a:p>
                  </a:txBody>
                  <a:tcPr/>
                </a:tc>
                <a:extLst>
                  <a:ext uri="{0D108BD9-81ED-4DB2-BD59-A6C34878D82A}">
                    <a16:rowId xmlns:a16="http://schemas.microsoft.com/office/drawing/2014/main" val="8733305"/>
                  </a:ext>
                </a:extLst>
              </a:tr>
              <a:tr h="561802">
                <a:tc>
                  <a:txBody>
                    <a:bodyPr/>
                    <a:lstStyle/>
                    <a:p>
                      <a:r>
                        <a:rPr lang="en-US"/>
                        <a:t>Capable of transporting small objects</a:t>
                      </a:r>
                    </a:p>
                  </a:txBody>
                  <a:tcPr/>
                </a:tc>
                <a:tc>
                  <a:txBody>
                    <a:bodyPr/>
                    <a:lstStyle/>
                    <a:p>
                      <a:r>
                        <a:rPr lang="en-US"/>
                        <a:t>Servo Actuated close/release mechanism</a:t>
                      </a:r>
                    </a:p>
                  </a:txBody>
                  <a:tcPr/>
                </a:tc>
                <a:extLst>
                  <a:ext uri="{0D108BD9-81ED-4DB2-BD59-A6C34878D82A}">
                    <a16:rowId xmlns:a16="http://schemas.microsoft.com/office/drawing/2014/main" val="3429233086"/>
                  </a:ext>
                </a:extLst>
              </a:tr>
              <a:tr h="969685">
                <a:tc>
                  <a:txBody>
                    <a:bodyPr/>
                    <a:lstStyle/>
                    <a:p>
                      <a:r>
                        <a:rPr lang="en-US"/>
                        <a:t>Remain Positively Buoyant in Water Landing (T: &gt; 120 seconds)</a:t>
                      </a:r>
                    </a:p>
                  </a:txBody>
                  <a:tcPr/>
                </a:tc>
                <a:tc>
                  <a:txBody>
                    <a:bodyPr/>
                    <a:lstStyle/>
                    <a:p>
                      <a:r>
                        <a:rPr lang="en-US"/>
                        <a:t>Foam outriggers underneath propellers (6 lb of buoyancy)</a:t>
                      </a:r>
                    </a:p>
                  </a:txBody>
                  <a:tcPr/>
                </a:tc>
                <a:extLst>
                  <a:ext uri="{0D108BD9-81ED-4DB2-BD59-A6C34878D82A}">
                    <a16:rowId xmlns:a16="http://schemas.microsoft.com/office/drawing/2014/main" val="3285956810"/>
                  </a:ext>
                </a:extLst>
              </a:tr>
              <a:tr h="969685">
                <a:tc>
                  <a:txBody>
                    <a:bodyPr/>
                    <a:lstStyle/>
                    <a:p>
                      <a:r>
                        <a:rPr lang="en-US"/>
                        <a:t>Electronically Powered (T: &lt; 60 Volts DC)</a:t>
                      </a:r>
                    </a:p>
                  </a:txBody>
                  <a:tcPr/>
                </a:tc>
                <a:tc>
                  <a:txBody>
                    <a:bodyPr/>
                    <a:lstStyle/>
                    <a:p>
                      <a:r>
                        <a:rPr lang="en-US"/>
                        <a:t>11.1 V LiPo Battery</a:t>
                      </a:r>
                    </a:p>
                  </a:txBody>
                  <a:tcPr/>
                </a:tc>
                <a:extLst>
                  <a:ext uri="{0D108BD9-81ED-4DB2-BD59-A6C34878D82A}">
                    <a16:rowId xmlns:a16="http://schemas.microsoft.com/office/drawing/2014/main" val="1688665467"/>
                  </a:ext>
                </a:extLst>
              </a:tr>
            </a:tbl>
          </a:graphicData>
        </a:graphic>
      </p:graphicFrame>
    </p:spTree>
    <p:extLst>
      <p:ext uri="{BB962C8B-B14F-4D97-AF65-F5344CB8AC3E}">
        <p14:creationId xmlns:p14="http://schemas.microsoft.com/office/powerpoint/2010/main" val="100127908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p:txBody>
          <a:bodyPr/>
          <a:lstStyle/>
          <a:p>
            <a:r>
              <a:rPr lang="en-US">
                <a:solidFill>
                  <a:schemeClr val="tx2"/>
                </a:solidFill>
                <a:latin typeface="Palatino Linotype" panose="02040502050505030304" pitchFamily="18" charset="0"/>
              </a:rPr>
              <a:t>PDR: PX4 with Pixhawk Flight Controller</a:t>
            </a:r>
          </a:p>
        </p:txBody>
      </p:sp>
      <p:sp>
        <p:nvSpPr>
          <p:cNvPr id="3" name="Content Placeholder 2">
            <a:extLst>
              <a:ext uri="{FF2B5EF4-FFF2-40B4-BE49-F238E27FC236}">
                <a16:creationId xmlns:a16="http://schemas.microsoft.com/office/drawing/2014/main" id="{4BC1EB17-17D9-46B5-BB18-29163431A1BD}"/>
              </a:ext>
            </a:extLst>
          </p:cNvPr>
          <p:cNvSpPr>
            <a:spLocks noGrp="1"/>
          </p:cNvSpPr>
          <p:nvPr>
            <p:ph idx="1"/>
          </p:nvPr>
        </p:nvSpPr>
        <p:spPr/>
        <p:txBody>
          <a:bodyPr vert="horz" lIns="91440" tIns="45720" rIns="91440" bIns="45720" rtlCol="0" anchor="t">
            <a:normAutofit/>
          </a:bodyPr>
          <a:lstStyle/>
          <a:p>
            <a:pPr>
              <a:spcAft>
                <a:spcPts val="600"/>
              </a:spcAft>
            </a:pPr>
            <a:r>
              <a:rPr lang="en-US">
                <a:solidFill>
                  <a:schemeClr val="tx2"/>
                </a:solidFill>
                <a:latin typeface="Palatino Linotype"/>
              </a:rPr>
              <a:t>Free, Open-Source Software</a:t>
            </a:r>
          </a:p>
          <a:p>
            <a:pPr>
              <a:spcAft>
                <a:spcPts val="600"/>
              </a:spcAft>
            </a:pPr>
            <a:r>
              <a:rPr lang="en-US">
                <a:solidFill>
                  <a:schemeClr val="tx2"/>
                </a:solidFill>
                <a:latin typeface="Palatino Linotype"/>
              </a:rPr>
              <a:t>Configurable Failsafe Procedures</a:t>
            </a:r>
          </a:p>
          <a:p>
            <a:pPr lvl="1">
              <a:spcAft>
                <a:spcPts val="600"/>
              </a:spcAft>
            </a:pPr>
            <a:r>
              <a:rPr lang="en-US">
                <a:solidFill>
                  <a:schemeClr val="tx2"/>
                </a:solidFill>
                <a:latin typeface="Palatino Linotype"/>
              </a:rPr>
              <a:t>Meet </a:t>
            </a:r>
            <a:r>
              <a:rPr lang="en-US" err="1">
                <a:solidFill>
                  <a:schemeClr val="tx2"/>
                </a:solidFill>
                <a:latin typeface="Palatino Linotype"/>
              </a:rPr>
              <a:t>Roboboat</a:t>
            </a:r>
            <a:r>
              <a:rPr lang="en-US">
                <a:solidFill>
                  <a:schemeClr val="tx2"/>
                </a:solidFill>
                <a:latin typeface="Palatino Linotype"/>
              </a:rPr>
              <a:t> Safety Guidelines</a:t>
            </a:r>
          </a:p>
          <a:p>
            <a:pPr>
              <a:spcAft>
                <a:spcPts val="600"/>
              </a:spcAft>
            </a:pPr>
            <a:r>
              <a:rPr lang="en-US">
                <a:solidFill>
                  <a:schemeClr val="tx2"/>
                </a:solidFill>
                <a:latin typeface="Palatino Linotype"/>
              </a:rPr>
              <a:t>Satellite Navigation Flight Modes</a:t>
            </a:r>
          </a:p>
          <a:p>
            <a:pPr lvl="1">
              <a:spcAft>
                <a:spcPts val="600"/>
              </a:spcAft>
            </a:pPr>
            <a:r>
              <a:rPr lang="en-US">
                <a:solidFill>
                  <a:schemeClr val="tx2"/>
                </a:solidFill>
                <a:latin typeface="Palatino Linotype"/>
              </a:rPr>
              <a:t>Autonomous Flight Path Planning</a:t>
            </a:r>
          </a:p>
          <a:p>
            <a:pPr>
              <a:spcAft>
                <a:spcPts val="600"/>
              </a:spcAft>
            </a:pPr>
            <a:r>
              <a:rPr lang="en-US">
                <a:solidFill>
                  <a:schemeClr val="tx2"/>
                </a:solidFill>
                <a:latin typeface="Palatino Linotype"/>
              </a:rPr>
              <a:t>Offboard Flight Mode</a:t>
            </a:r>
          </a:p>
          <a:p>
            <a:pPr lvl="1">
              <a:spcAft>
                <a:spcPts val="600"/>
              </a:spcAft>
            </a:pPr>
            <a:r>
              <a:rPr lang="en-US">
                <a:solidFill>
                  <a:schemeClr val="tx2"/>
                </a:solidFill>
                <a:latin typeface="Palatino Linotype"/>
              </a:rPr>
              <a:t>Designed for Computer Vision Controlled Flight</a:t>
            </a:r>
          </a:p>
          <a:p>
            <a:pPr>
              <a:spcAft>
                <a:spcPts val="600"/>
              </a:spcAft>
            </a:pPr>
            <a:r>
              <a:rPr lang="en-US">
                <a:solidFill>
                  <a:schemeClr val="tx2"/>
                </a:solidFill>
                <a:latin typeface="Palatino Linotype"/>
              </a:rPr>
              <a:t>Extensive Data Logging</a:t>
            </a:r>
          </a:p>
        </p:txBody>
      </p:sp>
      <p:pic>
        <p:nvPicPr>
          <p:cNvPr id="8" name="Picture 7" descr="A picture containing remote, electronics, control&#10;&#10;Description automatically generated">
            <a:extLst>
              <a:ext uri="{FF2B5EF4-FFF2-40B4-BE49-F238E27FC236}">
                <a16:creationId xmlns:a16="http://schemas.microsoft.com/office/drawing/2014/main" id="{8520AC30-9286-46C9-B772-42C32158C7A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822446" y="3546482"/>
            <a:ext cx="4742173" cy="3709806"/>
          </a:xfrm>
          <a:prstGeom prst="rect">
            <a:avLst/>
          </a:prstGeom>
        </p:spPr>
      </p:pic>
      <p:pic>
        <p:nvPicPr>
          <p:cNvPr id="12" name="Picture 11">
            <a:extLst>
              <a:ext uri="{FF2B5EF4-FFF2-40B4-BE49-F238E27FC236}">
                <a16:creationId xmlns:a16="http://schemas.microsoft.com/office/drawing/2014/main" id="{75991131-2CEC-44B2-9353-105C5F4ED485}"/>
              </a:ext>
            </a:extLst>
          </p:cNvPr>
          <p:cNvPicPr>
            <a:picLocks noChangeAspect="1"/>
          </p:cNvPicPr>
          <p:nvPr/>
        </p:nvPicPr>
        <p:blipFill>
          <a:blip r:embed="rId3"/>
          <a:stretch>
            <a:fillRect/>
          </a:stretch>
        </p:blipFill>
        <p:spPr>
          <a:xfrm>
            <a:off x="6864280" y="1540657"/>
            <a:ext cx="4918716" cy="2252745"/>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13" name="TextBox 12">
            <a:extLst>
              <a:ext uri="{FF2B5EF4-FFF2-40B4-BE49-F238E27FC236}">
                <a16:creationId xmlns:a16="http://schemas.microsoft.com/office/drawing/2014/main" id="{8D38AA56-B9F6-4630-8FA6-6BD6BFAD95F6}"/>
              </a:ext>
            </a:extLst>
          </p:cNvPr>
          <p:cNvSpPr txBox="1"/>
          <p:nvPr/>
        </p:nvSpPr>
        <p:spPr>
          <a:xfrm>
            <a:off x="10193533" y="3269617"/>
            <a:ext cx="1160267" cy="369332"/>
          </a:xfrm>
          <a:prstGeom prst="rect">
            <a:avLst/>
          </a:prstGeom>
          <a:noFill/>
        </p:spPr>
        <p:txBody>
          <a:bodyPr wrap="square" rtlCol="0">
            <a:spAutoFit/>
          </a:bodyPr>
          <a:lstStyle/>
          <a:p>
            <a:r>
              <a:rPr lang="en-US">
                <a:latin typeface="Palatino Linotype" panose="02040502050505030304" pitchFamily="18" charset="0"/>
              </a:rPr>
              <a:t>Landing</a:t>
            </a:r>
          </a:p>
        </p:txBody>
      </p:sp>
      <p:sp>
        <p:nvSpPr>
          <p:cNvPr id="14" name="TextBox 13">
            <a:extLst>
              <a:ext uri="{FF2B5EF4-FFF2-40B4-BE49-F238E27FC236}">
                <a16:creationId xmlns:a16="http://schemas.microsoft.com/office/drawing/2014/main" id="{0257C8BD-154A-4277-87D4-5D69AF01D0AC}"/>
              </a:ext>
            </a:extLst>
          </p:cNvPr>
          <p:cNvSpPr txBox="1"/>
          <p:nvPr/>
        </p:nvSpPr>
        <p:spPr>
          <a:xfrm>
            <a:off x="7233475" y="3269617"/>
            <a:ext cx="2017580" cy="369332"/>
          </a:xfrm>
          <a:prstGeom prst="rect">
            <a:avLst/>
          </a:prstGeom>
          <a:noFill/>
        </p:spPr>
        <p:txBody>
          <a:bodyPr wrap="square" rtlCol="0">
            <a:spAutoFit/>
          </a:bodyPr>
          <a:lstStyle/>
          <a:p>
            <a:r>
              <a:rPr lang="en-US">
                <a:latin typeface="Palatino Linotype" panose="02040502050505030304" pitchFamily="18" charset="0"/>
              </a:rPr>
              <a:t>Manual Control</a:t>
            </a:r>
          </a:p>
        </p:txBody>
      </p:sp>
    </p:spTree>
    <p:extLst>
      <p:ext uri="{BB962C8B-B14F-4D97-AF65-F5344CB8AC3E}">
        <p14:creationId xmlns:p14="http://schemas.microsoft.com/office/powerpoint/2010/main" val="331023402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a:xfrm>
            <a:off x="419100" y="338092"/>
            <a:ext cx="10515600" cy="1325563"/>
          </a:xfrm>
        </p:spPr>
        <p:txBody>
          <a:bodyPr/>
          <a:lstStyle/>
          <a:p>
            <a:r>
              <a:rPr lang="en-US">
                <a:solidFill>
                  <a:schemeClr val="tx2"/>
                </a:solidFill>
                <a:latin typeface="Palatino Linotype" panose="02040502050505030304" pitchFamily="18" charset="0"/>
              </a:rPr>
              <a:t>PDR: Software in the Loop Simulation</a:t>
            </a:r>
          </a:p>
        </p:txBody>
      </p:sp>
      <p:sp>
        <p:nvSpPr>
          <p:cNvPr id="3" name="Content Placeholder 2">
            <a:extLst>
              <a:ext uri="{FF2B5EF4-FFF2-40B4-BE49-F238E27FC236}">
                <a16:creationId xmlns:a16="http://schemas.microsoft.com/office/drawing/2014/main" id="{4BC1EB17-17D9-46B5-BB18-29163431A1BD}"/>
              </a:ext>
            </a:extLst>
          </p:cNvPr>
          <p:cNvSpPr>
            <a:spLocks noGrp="1"/>
          </p:cNvSpPr>
          <p:nvPr>
            <p:ph idx="1"/>
          </p:nvPr>
        </p:nvSpPr>
        <p:spPr>
          <a:xfrm>
            <a:off x="419100" y="1753768"/>
            <a:ext cx="10515600" cy="4351338"/>
          </a:xfrm>
        </p:spPr>
        <p:txBody>
          <a:bodyPr vert="horz" lIns="91440" tIns="45720" rIns="91440" bIns="45720" rtlCol="0" anchor="t">
            <a:normAutofit/>
          </a:bodyPr>
          <a:lstStyle/>
          <a:p>
            <a:pPr>
              <a:spcAft>
                <a:spcPts val="600"/>
              </a:spcAft>
            </a:pPr>
            <a:r>
              <a:rPr lang="en-US">
                <a:solidFill>
                  <a:schemeClr val="tx2"/>
                </a:solidFill>
                <a:latin typeface="Palatino Linotype"/>
              </a:rPr>
              <a:t>Gazebo Simulation Environment</a:t>
            </a:r>
          </a:p>
          <a:p>
            <a:pPr lvl="1">
              <a:spcAft>
                <a:spcPts val="600"/>
              </a:spcAft>
            </a:pPr>
            <a:r>
              <a:rPr lang="en-US">
                <a:solidFill>
                  <a:schemeClr val="tx2"/>
                </a:solidFill>
                <a:latin typeface="Palatino Linotype"/>
              </a:rPr>
              <a:t>An Open-Source, High-Performance Physics Engine</a:t>
            </a:r>
          </a:p>
          <a:p>
            <a:pPr>
              <a:spcAft>
                <a:spcPts val="600"/>
              </a:spcAft>
            </a:pPr>
            <a:r>
              <a:rPr lang="en-US">
                <a:solidFill>
                  <a:schemeClr val="tx2"/>
                </a:solidFill>
                <a:latin typeface="Palatino Linotype"/>
              </a:rPr>
              <a:t>PX4 – Gazebo SITL Simulation</a:t>
            </a:r>
          </a:p>
          <a:p>
            <a:pPr lvl="1">
              <a:spcAft>
                <a:spcPts val="600"/>
              </a:spcAft>
            </a:pPr>
            <a:r>
              <a:rPr lang="en-US">
                <a:solidFill>
                  <a:schemeClr val="tx2"/>
                </a:solidFill>
                <a:latin typeface="Palatino Linotype"/>
              </a:rPr>
              <a:t>Rapid, Risk-Free Testing with Data Logging</a:t>
            </a:r>
          </a:p>
          <a:p>
            <a:pPr>
              <a:spcAft>
                <a:spcPts val="600"/>
              </a:spcAft>
            </a:pPr>
            <a:endParaRPr lang="en-US">
              <a:solidFill>
                <a:schemeClr val="tx2"/>
              </a:solidFill>
              <a:latin typeface="Palatino Linotype"/>
            </a:endParaRPr>
          </a:p>
        </p:txBody>
      </p:sp>
      <p:pic>
        <p:nvPicPr>
          <p:cNvPr id="4" name="Picture 3">
            <a:extLst>
              <a:ext uri="{FF2B5EF4-FFF2-40B4-BE49-F238E27FC236}">
                <a16:creationId xmlns:a16="http://schemas.microsoft.com/office/drawing/2014/main" id="{FE9030AA-FC0E-4D3B-9308-95CFF9CB70E1}"/>
              </a:ext>
            </a:extLst>
          </p:cNvPr>
          <p:cNvPicPr>
            <a:picLocks noChangeAspect="1"/>
          </p:cNvPicPr>
          <p:nvPr/>
        </p:nvPicPr>
        <p:blipFill>
          <a:blip r:embed="rId2">
            <a:extLst>
              <a:ext uri="{BEBA8EAE-BF5A-486C-A8C5-ECC9F3942E4B}">
                <a14:imgProps xmlns:a14="http://schemas.microsoft.com/office/drawing/2010/main">
                  <a14:imgLayer r:embed="rId3">
                    <a14:imgEffect>
                      <a14:brightnessContrast bright="15000"/>
                    </a14:imgEffect>
                  </a14:imgLayer>
                </a14:imgProps>
              </a:ext>
            </a:extLst>
          </a:blip>
          <a:stretch>
            <a:fillRect/>
          </a:stretch>
        </p:blipFill>
        <p:spPr>
          <a:xfrm>
            <a:off x="1869039" y="3847735"/>
            <a:ext cx="3826911" cy="2857865"/>
          </a:xfrm>
          <a:prstGeom prst="rect">
            <a:avLst/>
          </a:prstGeom>
        </p:spPr>
      </p:pic>
      <p:pic>
        <p:nvPicPr>
          <p:cNvPr id="8" name="Picture 7" descr="Diagram&#10;&#10;Description automatically generated">
            <a:extLst>
              <a:ext uri="{FF2B5EF4-FFF2-40B4-BE49-F238E27FC236}">
                <a16:creationId xmlns:a16="http://schemas.microsoft.com/office/drawing/2014/main" id="{1FBCA517-D640-4EC3-A348-2AA890D54EB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346496" y="3429000"/>
            <a:ext cx="4577955" cy="3146845"/>
          </a:xfrm>
          <a:prstGeom prst="rect">
            <a:avLst/>
          </a:prstGeom>
        </p:spPr>
      </p:pic>
    </p:spTree>
    <p:extLst>
      <p:ext uri="{BB962C8B-B14F-4D97-AF65-F5344CB8AC3E}">
        <p14:creationId xmlns:p14="http://schemas.microsoft.com/office/powerpoint/2010/main" val="126752619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F8F1E8-4E42-4AA2-8C49-661C9EEE2DDE}"/>
              </a:ext>
            </a:extLst>
          </p:cNvPr>
          <p:cNvSpPr>
            <a:spLocks noGrp="1"/>
          </p:cNvSpPr>
          <p:nvPr>
            <p:ph type="title"/>
          </p:nvPr>
        </p:nvSpPr>
        <p:spPr/>
        <p:txBody>
          <a:bodyPr/>
          <a:lstStyle/>
          <a:p>
            <a:r>
              <a:rPr lang="en-US">
                <a:solidFill>
                  <a:schemeClr val="tx2"/>
                </a:solidFill>
                <a:latin typeface="Palatino Linotype"/>
              </a:rPr>
              <a:t>PDR: Satellite Navigation with RTK</a:t>
            </a:r>
          </a:p>
        </p:txBody>
      </p:sp>
      <p:sp>
        <p:nvSpPr>
          <p:cNvPr id="3" name="Content Placeholder 2">
            <a:extLst>
              <a:ext uri="{FF2B5EF4-FFF2-40B4-BE49-F238E27FC236}">
                <a16:creationId xmlns:a16="http://schemas.microsoft.com/office/drawing/2014/main" id="{4BC1EB17-17D9-46B5-BB18-29163431A1BD}"/>
              </a:ext>
            </a:extLst>
          </p:cNvPr>
          <p:cNvSpPr>
            <a:spLocks noGrp="1"/>
          </p:cNvSpPr>
          <p:nvPr>
            <p:ph idx="1"/>
          </p:nvPr>
        </p:nvSpPr>
        <p:spPr>
          <a:xfrm>
            <a:off x="838200" y="1825625"/>
            <a:ext cx="7331242" cy="4351338"/>
          </a:xfrm>
        </p:spPr>
        <p:txBody>
          <a:bodyPr vert="horz" lIns="91440" tIns="45720" rIns="91440" bIns="45720" rtlCol="0" anchor="t">
            <a:normAutofit/>
          </a:bodyPr>
          <a:lstStyle/>
          <a:p>
            <a:r>
              <a:rPr lang="en-US">
                <a:solidFill>
                  <a:schemeClr val="tx2"/>
                </a:solidFill>
                <a:latin typeface="Palatino Linotype"/>
              </a:rPr>
              <a:t>Improved accuracy assists ASV</a:t>
            </a:r>
          </a:p>
          <a:p>
            <a:r>
              <a:rPr lang="en-US">
                <a:solidFill>
                  <a:schemeClr val="tx2"/>
                </a:solidFill>
                <a:latin typeface="Palatino Linotype"/>
              </a:rPr>
              <a:t>NAVIO2 GPS Receiver:</a:t>
            </a:r>
          </a:p>
          <a:p>
            <a:pPr lvl="1"/>
            <a:r>
              <a:rPr lang="en-US">
                <a:solidFill>
                  <a:schemeClr val="tx2"/>
                </a:solidFill>
                <a:latin typeface="Palatino Linotype"/>
              </a:rPr>
              <a:t>Existing Alterative: 2.5m accuracy</a:t>
            </a:r>
          </a:p>
          <a:p>
            <a:r>
              <a:rPr lang="en-US" err="1">
                <a:solidFill>
                  <a:schemeClr val="tx2"/>
                </a:solidFill>
                <a:latin typeface="Palatino Linotype"/>
              </a:rPr>
              <a:t>Sparkfun</a:t>
            </a:r>
            <a:r>
              <a:rPr lang="en-US">
                <a:solidFill>
                  <a:schemeClr val="tx2"/>
                </a:solidFill>
                <a:latin typeface="Palatino Linotype"/>
              </a:rPr>
              <a:t> Real Time Kinematic:</a:t>
            </a:r>
          </a:p>
          <a:p>
            <a:pPr lvl="1"/>
            <a:r>
              <a:rPr lang="en-US">
                <a:solidFill>
                  <a:schemeClr val="tx2"/>
                </a:solidFill>
                <a:latin typeface="Palatino Linotype"/>
              </a:rPr>
              <a:t>Base Station: 14mm accuracy RTK corrections</a:t>
            </a:r>
          </a:p>
          <a:p>
            <a:pPr lvl="1"/>
            <a:r>
              <a:rPr lang="en-US">
                <a:solidFill>
                  <a:schemeClr val="tx2"/>
                </a:solidFill>
                <a:latin typeface="Palatino Linotype"/>
              </a:rPr>
              <a:t>Quadcopter GNSS receiver:</a:t>
            </a:r>
          </a:p>
          <a:p>
            <a:pPr lvl="2"/>
            <a:r>
              <a:rPr lang="en-US">
                <a:solidFill>
                  <a:schemeClr val="tx2"/>
                </a:solidFill>
                <a:latin typeface="Palatino Linotype"/>
              </a:rPr>
              <a:t>Standard 1.5m accuracy</a:t>
            </a:r>
          </a:p>
          <a:p>
            <a:pPr lvl="2"/>
            <a:r>
              <a:rPr lang="en-US">
                <a:solidFill>
                  <a:schemeClr val="tx2"/>
                </a:solidFill>
                <a:latin typeface="Palatino Linotype"/>
              </a:rPr>
              <a:t>RTK 10mm accuracy</a:t>
            </a:r>
          </a:p>
          <a:p>
            <a:pPr marL="0" lvl="1" indent="0">
              <a:buNone/>
            </a:pPr>
            <a:endParaRPr lang="en-US">
              <a:solidFill>
                <a:schemeClr val="tx2"/>
              </a:solidFill>
              <a:latin typeface="Palatino Linotype"/>
            </a:endParaRPr>
          </a:p>
          <a:p>
            <a:endParaRPr lang="en-US">
              <a:solidFill>
                <a:schemeClr val="tx2"/>
              </a:solidFill>
              <a:latin typeface="Palatino Linotype"/>
            </a:endParaRPr>
          </a:p>
        </p:txBody>
      </p:sp>
      <p:pic>
        <p:nvPicPr>
          <p:cNvPr id="6" name="Picture 5" descr="Diagram&#10;&#10;Description automatically generated">
            <a:extLst>
              <a:ext uri="{FF2B5EF4-FFF2-40B4-BE49-F238E27FC236}">
                <a16:creationId xmlns:a16="http://schemas.microsoft.com/office/drawing/2014/main" id="{5BDA6BFF-18A5-4BE6-904A-784CA3900C9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169442" y="1825625"/>
            <a:ext cx="3850619" cy="3248819"/>
          </a:xfrm>
          <a:prstGeom prst="rect">
            <a:avLst/>
          </a:prstGeom>
        </p:spPr>
      </p:pic>
    </p:spTree>
    <p:extLst>
      <p:ext uri="{BB962C8B-B14F-4D97-AF65-F5344CB8AC3E}">
        <p14:creationId xmlns:p14="http://schemas.microsoft.com/office/powerpoint/2010/main" val="77719745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Y0LCJCIjo2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wOC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ZmFsc2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NywiU2hhcGVUaGlja25lc3MiOjAsIkR1cmF0aW9uRm9ybWF0Ijo1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wLCJHIjowLCJCIjow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E3MSIsIk1hcmdpbiI6eyIkcmVmIjoiNjAifSwiUGFkZGluZyI6eyIkcmVmIjoiNjEifSwiQmFja2dyb3VuZCI6eyIkaWQiOiIxNzIiLCJDb2xvciI6eyIkaWQiOiIxNzMiLCJBIjoyNTUsIlIiOjE3OCwiRyI6MTQsIkIiOjE4fX0sIklzVmlzaWJsZSI6dHJ1ZSwiV2lkdGgiOjE4LjAsIkhlaWdodCI6MjAuMCwiQm9yZGVyU3R5bGUiOnsiJGlkIjoiMTc0IiwiTGluZUNvbG9yIjp7IiRyZWYiOiI2NSJ9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pZCI6IjE4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g2IiwiQ29sb3IiOnsiJGlkIjoiMTg3IiwiQSI6MCwiUiI6MjU1LCJHIjoyNTUsIkIiOjI1NX19LCJJc1Zpc2libGUiOmZhbHNlLCJXaWR0aCI6MC4wLCJIZWlnaHQiOjAuMCwiQm9yZGVyU3R5bGUiOnsiJGlkIjoiMTg4IiwiTGluZUNvbG9yIjpudWxsLCJMaW5lV2VpZ2h0IjowLjAsIkxpbmVUeXBlIjowLCJQYXJlbnRTdHlsZSI6bnVsbH0sIlBhcmVudFN0eWxlIjpudWxsfSwiRGF0ZUZvcm1hdCI6eyIkaWQiOiIxODk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NCIsIkNvbG9yIjp7IiRpZCI6IjIxNSIsIkEiOjAsIlIiOjI1NSwiRyI6MjU1LCJCIjoyNTV9fSwiSXNWaXNpYmxlIjpmYWxzZSwiV2lkdGgiOjAuMCwiSGVpZ2h0IjowLjAsIkJvcmRlclN0eWxlIjp7IiRpZCI6IjIxNiIsIkxpbmVDb2xvciI6bnVsbCwiTGluZVdlaWdodCI6MC4wLCJMaW5lVHlwZSI6MCwiUGFyZW50U3R5bGUiOm51bGx9LCJQYXJlbnRTdHlsZSI6bnVsbH0sIkRhdGVGb3JtYXQiOnsiJGlkIjoiMjE3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E4IiwiRGF0ZVBhcnRJc1Zpc2libGUiOnRydWUsIlRpbWVQYXJ0SXNWaXNpYmxlIjpmYWxzZX19LCJXZWVrTnVtYmVyaW5nIjp7IiRpZCI6IjIxOSIsIkZvcm1hdCI6MCwiSXNWaXNpYmxlIjpmYWxzZSwiTGFzdEtub3duVmlzaWJpbGl0eVN0YXRlIjpmYWxzZX0sIklzVmlzaWJsZSI6dHJ1ZSwiUGFyZW50U3R5bGUiOm51bGx9LCJJbmRleCI6MSwiUGVyY2VudGFnZUNvbXBsZXRlIjpudWxsLCJQb3NpdGlvbiI6eyJSYXRpbyI6MC4wODk5NzExMjgyMTY0OTYyMjEsIklzQ3VzdG9tIjpmYWxzZX0sIkRhdGVGb3JtYXQiOnsiJHJlZiI6IjIxNyJ9LCJXZWVrTnVtYmVyaW5nIjp7IiRpZCI6IjIyMC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yMjEiLCJBZGRyZXNzIjoiIiwiU3ViQWRkcmVzcyI6IiJ9LCJJc0NoYW5nZWQiOmZhbHNlLCJJc05ldyI6ZmFsc2V9LHsiJGlkIjoiMjIyIiwiRGF0ZSI6IjIwMjEtMDktMjdUMjM6NTk6MDAiLCJTdHlsZSI6eyIkaWQiOiIyMjMiLCJTaGFwZSI6NSwiQ29ubmVjdG9yTWFyZ2luIjp7IiRyZWYiOiI1NCJ9LCJDb25uZWN0b3JTdHlsZSI6eyIkaWQiOiIyMjQiLCJMaW5lQ29sb3IiOnsiJGlkIjoiMjI1IiwiJHR5cGUiOiJOTFJFLkNvbW1vbi5Eb20uU29saWRDb2xvckJydXNoLCBOTFJFLkNvbW1vbiIsIkNvbG9yIjp7IiRpZCI6IjIyNi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IiLCJDb2xvciI6eyIkaWQiOiIyNDMiLCJBIjowLCJSIjoyNTUsIkciOjI1NSwiQiI6MjU1fX0sIklzVmlzaWJsZSI6ZmFsc2UsIldpZHRoIjowLjAsIkhlaWdodCI6MC4wLCJCb3JkZXJTdHlsZSI6eyIkaWQiOiIyNDQiLCJMaW5lQ29sb3IiOm51bGwsIkxpbmVXZWlnaHQiOjAuMCwiTGluZVR5cGUiOjAsIlBhcmVudFN0eWxlIjpudWxsfSwiUGFyZW50U3R5bGUiOm51bGx9LCJEYXRlRm9ybWF0Ijp7IiRpZCI6IjI0NS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I0NiIsIkRhdGVQYXJ0SXNWaXNpYmxlIjp0cnVlLCJUaW1lUGFydElzVmlzaWJsZSI6ZmFsc2V9fSwiV2Vla051bWJlcmluZyI6eyIkaWQiOiIyNDciLCJGb3JtYXQiOjAsIklzVmlzaWJsZSI6ZmFsc2UsIkxhc3RLbm93blZpc2liaWxpdHlTdGF0ZSI6ZmFsc2V9LCJJc1Zpc2libGUiOnRydWUsIlBhcmVudFN0eWxlIjpudWxsfSwiSW5kZXgiOjIsIlBlcmNlbnRhZ2VDb21wbGV0ZSI6bnVsbCwiUG9zaXRpb24iOnsiUmF0aW8iOjAuMCwiSXNDdXN0b20iOmZhbHNlfSwiRGF0ZUZvcm1hdCI6eyIkcmVmIjoiMjQ1In0sIldlZWtOdW1iZXJpbmciOnsiJGlkIjoiMjQ4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2MyIsIkNvbG9yIjp7IiRpZCI6IjI2NCIsIkEiOjAsIlIiOjI1NSwiRyI6MjU1LCJCIjoyNTV9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3MCIsIkNvbG9yIjp7IiRpZCI6IjI3MSIsIkEiOjAsIlIiOjI1NSwiRyI6MjU1LCJCIjoyNTV9fSwiSXNWaXNpYmxlIjpmYWxzZSwiV2lkdGgiOjAuMCwiSGVpZ2h0IjowLjAsIkJvcmRlclN0eWxlIjp7IiRpZCI6IjI3MiIsIkxpbmVDb2xvciI6bnVsbCwiTGluZVdlaWdodCI6MC4wLCJMaW5lVHlwZSI6MCwiUGFyZW50U3R5bGUiOm51bGx9LCJQYXJlbnRTdHlsZSI6bnVsbH0sIkRhdGVGb3JtYXQiOnsiJGlkIjoiMjcz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jUiLCJUb3AiOjAsIkxlZnQiOjAsIlJpZ2h0IjowLCJCb3R0b20iOjB9LCJQYWRkaW5nIjp7IiRpZCI6IjMyNiIsIlRvcCI6MCwiTGVmdCI6MCwiUmlnaHQiOjAsIkJvdHRvbSI6MH0sIkJhY2tncm91bmQiOnsiJGlkIjoiMzI3IiwiQ29sb3IiOnsiJGlkIjoiMzI4IiwiQSI6MCwiUiI6MjU1LCJHIjoyNTUsIkIiOjI1NX19LCJJc1Zpc2libGUiOmZhbHN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aWQiOiIzM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NCIsIlRvcCI6MCwiTGVmdCI6MCwiUmlnaHQiOjAsIkJvdHRvbSI6MH0sIlBhZGRpbmciOnsiJGlkIjoiMzM1IiwiVG9wIjowLCJMZWZ0IjowLCJSaWdodCI6MCwiQm90dG9tIjowfSwiQmFja2dyb3VuZCI6eyIkaWQiOiIzMzYiLCJDb2xvciI6eyIkaWQiOiIzMzciLCJBIjowLCJSIjoyNTUsIkciOjI1NSwiQiI6MjU1fX0sIklzVmlzaWJsZSI6ZmFsc2UsIldpZHRoIjowLjAsIkhlaWdodCI6MC4wLCJCb3JkZXJTdHlsZSI6eyIkaWQiOiIzMzgiLCJMaW5lQ29sb3IiOm51bGwsIkxpbmVXZWlnaHQiOjAuMCwiTGluZVR5cGUiOjAsIlBhcmVudFN0eWxlIjpudWxsfSwiUGFyZW50U3R5bGUiOm51bGx9LCJEYXRlRm9ybWF0Ijp7IiRpZCI6IjM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zNDkiLCJUb3AiOjAsIkxlZnQiOjAsIlJpZ2h0IjowLCJCb3R0b20iOjB9LCJQYWRkaW5nIjp7IiRpZCI6IjM1MCIsIlRvcCI6MCwiTGVmdCI6MCwiUmlnaHQiOjAsIkJvdHRvbSI6MH0sIkJhY2tncm91bmQiOnsiJGlkIjoiMzUxIiwiQ29sb3IiOnsiJGlkIjoiMzUyIiwiQSI6ODksIlIiOjAsIkciOjAsIkIiOjB9fSwiSXNWaXNpYmxlIjp0cnVlLCJXaWR0aCI6MC4wLCJIZWlnaHQiOjAuMCwiQm9yZGVyU3R5bGUiOnsiJGlkIjoiMzUzIiwiTGluZUNvbG9yIjpudWxsLCJMaW5lV2VpZ2h0IjowLjAsIkxpbmVUeXBlIjowLCJQYXJlbnRTdHlsZSI6bnVsbH0sIlBhcmVudFN0eWxlIjpudWxsfSwiRHVyYXRpb25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zNjkiLCJNYXJnaW4iOnsiJGlkIjoiMzcwIiwiVG9wIjowLCJMZWZ0Ijo0LCJSaWdodCI6NCwiQm90dG9tIjowfSwiUGFkZGluZyI6eyIkaWQiOiIzNzEiLCJUb3AiOjAsIkxlZnQiOjAsIlJpZ2h0IjowLCJCb3R0b20iOjB9LCJCYWNrZ3JvdW5kIjp7IiRpZCI6IjM3MiIsIkNvbG9yIjp7IiRpZCI6IjM3MyIsIkEiOjI1NSwiUiI6MjU1LCJHIjoxOTIsIkIiOjB9fSwiSXNWaXNpYmxlIjp0cnVlLCJXaWR0aCI6MC4wLCJIZWlnaHQiOjE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lRpdGxlU3R5bGUiOnsiJGlkIjoiMzc3IiwiRm9udFNldHRpbmdzIjp7IiRpZCI6IjM3OCIsIkZvbnRTaXplIjoxMSwiRm9udE5hbWUiOiJDYWxpYnJpIiwiSXNCb2xkIjp0cnVlLCJJc0l0YWxpYyI6ZmFsc2UsIklzVW5kZXJsaW5lZCI6ZmFsc2UsIlBhcmVudFN0eWxlIjpudWxsfSwiQXV0b1NpemUiOjAsIkZvcmVncm91bmQiOnsiJGlkIjoiMzc5IiwiQ29sb3IiOnsiJGlkIjoiMzgw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aWQiOiIzODgiLCJUb3AiOjAsIkxlZnQiOjAsIlJpZ2h0IjowLCJCb3R0b20iOjB9LCJQYWRkaW5nIjp7IiRpZCI6IjM4OSIsIlRvcCI6MCwiTGVmdCI6MCwiUmlnaHQiOjAsIkJvdHRvbSI6MH0sIkJhY2tncm91bmQiOnsiJGlkIjoiMzkwIiwiQ29sb3IiOnsiJHJlZiI6IjM2MSJ9fSwiSXNWaXNpYmxlIjp0cnVlLCJXaWR0aCI6MC4wLCJIZWlnaHQiOjAuMCwiQm9yZGVyU3R5bGUiOnsiJGlkIjoiMzkxIiwiTGluZUNvbG9yIjpudWxsLCJMaW5lV2VpZ2h0IjowLjAsIkxpbmVUeXBlIjowLCJQYXJlbnRTdHlsZSI6bnVsbH0sIlBhcmVudFN0eWxlIjpudWxsfSwiRGF0ZUZvcm1hdCI6eyIkaWQiOiIz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NDM0IiwiVG9wIjowLCJMZWZ0IjowLCJSaWdodCI6MCwiQm90dG9tIjowfSwiUGFkZGluZyI6eyIkaWQiOiI0MzUiLCJUb3AiOjAsIkxlZnQiOjAsIlJpZ2h0IjowLCJCb3R0b20iOjB9LCJCYWNrZ3JvdW5kIjp7IiRyZWYiOiIzOTAifSwiSXNWaXNpYmxlIjp0cnVlLCJXaWR0aCI6MC4wLCJIZWlnaHQiOjAuMCwiQm9yZGVyU3R5bGUiOnsiJGlkIjoiNDM2IiwiTGluZUNvbG9yIjpudWxsLCJMaW5lV2VpZ2h0IjowLjAsIkxpbmVUeXBlIjowLCJQYXJlbnRTdHlsZSI6bnVsbH0sIlBhcmVudFN0eWxlIjpudWxsfSwiRGF0ZUZvcm1hdCI6eyIkaWQiOiI0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yZWYiOiI5OSJ9LCJMaW5lV2VpZ2h0IjoxLjAsIkxpbmVUeXBlIjowLCJQYXJlbnRTdHlsZSI6bnVsbH0sIlZlcnRpY2FsQ29ubmVjdG9yU3R5bGUiOnsiJGlkIjoiNDUx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2MiIsIkNvbG9yIjp7IiRpZCI6IjQ2MyIsIkEiOjAsIlIiOjI1NSwiRyI6MjU1LCJCIjoyNTV9fSwiSXNWaXNpYmxlIjp0cnVlLCJXaWR0aCI6MC4wLCJIZWlnaHQiOjAuMCwiQm9yZGVyU3R5bGUiOnsiJGlkIjoiNDY0IiwiTGluZUNvbG9yIjpudWxsLCJMaW5lV2VpZ2h0IjowLjAsIkxpbmVUeXBlIjowLCJQYXJlbnRTdHlsZSI6bnVsbH0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NjciLCJMaW5lQ29sb3IiOm51bGwsIkxpbmVXZWlnaHQiOjAuMCwiTGluZVR5cGUiOjAsIlBhcmVudFN0eWxlIjpudWxsfSwiUGFyZW50U3R5bGUiOm51bGx9LCJEYXRlRm9ybWF0Ijp7IiRpZCI6IjQ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3IiwiTGluZUNvbG9yIjpudWxsLCJMaW5lV2VpZ2h0IjowLjAsIkxpbmVUeXBlIjowLCJQYXJlbnRTdHlsZSI6bnVsbH0sIlBhcmVudFN0eWxlIjpudWxsfSwiRHVyYXRpb25TdHlsZSI6eyIkaWQiOiI0NzgiLCJGb250U2V0dGluZ3MiOnsiJGlkIjoiNDc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ODAiLCJMaW5lQ29sb3IiOm51bGwsIkxpbmVXZWlnaHQiOjAuMCwiTGluZVR5cGUiOjAsIlBhcmVudFN0eWxlIjpudWxsfSwiUGFyZW50U3R5bGUiOm51bGx9LCJIb3Jpem9udGFsQ29ubmVjdG9yU3R5bGUiOnsiJGlkIjoiNDgxIiwiTGluZUNvbG9yIjp7IiRyZWYiOiI5OSJ9LCJMaW5lV2VpZ2h0IjoxLjAsIkxpbmVUeXBlIjowLCJQYXJlbnRTdHlsZSI6bnVsbH0sIlZlcnRpY2FsQ29ubmVjdG9yU3R5bGUiOnsiJGlkIjoiNDgy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DkxIiwiQ29sb3IiOnsiJGlkIjoiNDkyIiwiQSI6MCwiUiI6MjU1LCJHIjoyNTUsIkIiOjI1NX19LCJJc1Zpc2libGUiOnRydWUsIldpZHRoIjowLjAsIkhlaWdodCI6MC4wLCJCb3JkZXJTdHlsZSI6eyIkaWQiOiI0OTMiLCJMaW5lQ29sb3IiOm51bGwsIkxpbmVXZWlnaHQiOjAuMCwiTGluZVR5cGUiOjAsIlBhcmVudFN0eWxlIjpudWxsfSwiUGFyZW50U3R5bGUiOm51bGx9LCJEYXRlU3R5bGUiOnsiJGlkIjoiNDk0IiwiRm9udFNldHRpbmdzIjp7IiRpZCI6IjQ5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NTM4IiwiVG9wIjowLCJMZWZ0IjowLCJSaWdodCI6MCwiQm90dG9tIjowfSwiUGFkZGluZyI6eyIkaWQiOiI1MzkiLCJUb3AiOjAsIkxlZnQiOjAsIlJpZ2h0IjowLCJCb3R0b20iOjB9LCJCYWNrZ3JvdW5kIjp7IiRyZWYiOiIzOTAifSwiSXNWaXNpYmxlIjp0cnVlLCJXaWR0aCI6MC4wLCJIZWlnaHQiOjAuMCwiQm9yZGVyU3R5bGUiOnsiJGlkIjoiNTQwIiwiTGluZUNvbG9yIjpudWxsLCJMaW5lV2VpZ2h0IjowLjAsIkxpbmVUeXBlIjowLCJQYXJlbnRTdHlsZSI6bnVsbH0sIlBhcmVudFN0eWxlIjpudWxsfSwiRGF0ZUZvcm1hdCI6eyIkaWQiOiI1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TY3IiwiQ29sb3IiOnsiJGlkIjoiNTY4IiwiQSI6MCwiUiI6MjU1LCJHIjoyNTUsIkIiOjI1NX19LCJJc1Zpc2libGUiOmZhbHNlLCJXaWR0aCI6MC4wLCJIZWlnaHQiOjAuMCwiQm9yZGVyU3R5bGUiOnsiJGlkIjoiNTY5IiwiTGluZUNvbG9yIjpudWxsLCJMaW5lV2VpZ2h0IjowLjAsIkxpbmVUeXBlIjowLCJQYXJlbnRTdHlsZSI6bnVsbH0sIlBhcmVudFN0eWxlIjpudWxsfSwiRGF0ZUZvcm1hdCI6eyIkaWQiOiI1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jA0IiwiVG9wIjowLCJMZWZ0IjowLCJSaWdodCI6MCwiQm90dG9tIjowfSwiUGFkZGluZyI6eyIkaWQiOiI2MDUiLCJUb3AiOjAsIkxlZnQiOjAsIlJpZ2h0IjowLCJCb3R0b20iOjB9LCJCYWNrZ3JvdW5kIjp7IiRpZCI6IjYwNiIsIkNvbG9yIjp7IiRpZCI6IjYwNyIsIkEiOjAsIlIiOjI1NSwiRyI6MjU1LCJCIjoyNTV9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pZCI6IjYxMSIsIlRvcCI6MCwiTGVmdCI6MCwiUmlnaHQiOjAsIkJvdHRvbSI6MH0sIlBhZGRpbmciOnsiJGlkIjoiNjEyIiwiVG9wIjowLCJMZWZ0IjowLCJSaWdodCI6MCwiQm90dG9tIjowfSwiQmFja2dyb3VuZCI6eyIkcmVmIjoiMzkwIn0sIklzVmlzaWJsZSI6dHJ1ZSwiV2lkdGgiOjAuMCwiSGVpZ2h0IjowLjAsIkJvcmRlclN0eWxlIjp7IiRpZCI6IjYxMyIsIkxpbmVDb2xvciI6bnVsbCwiTGluZVdlaWdodCI6MC4wLCJMaW5lVHlwZSI6MCwiUGFyZW50U3R5bGUiOm51bGx9LCJQYXJlbnRTdHlsZSI6bnVsbH0sIkRhdGVGb3JtYXQiOnsiJGlkIjoiNj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MTAsIkZvbnROYW1lIjoiQ2FsaWJyaSIsIklzQm9sZCI6ZmFsc2UsIklzSXRhbGljIjpmYWxzZSwiSXNVbmRlcmxpbmVkIjpmYWxzZSwiUGFyZW50U3R5bGUiOm51bGx9LCJBdXRvU2l6ZSI6MCwiRm9yZWdyb3VuZCI6eyIkaWQiOiI2NTciLCJDb2xvciI6eyIkaWQiOiI2N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Y1OSIsIkNvbG9yIjp7IiRpZCI6IjY2MCIsIkEiOjAsIlIiOjI1NSwiRyI6MjU1LCJCIjoyNTV9fSwiSXNWaXNpYmxlIjpmYWxzZSwiV2lkdGgiOjAuMCwiSGVpZ2h0IjowLjAsIkJvcmRlclN0eWxlIjp7IiRpZCI6IjY2MSIsIkxpbmVDb2xvciI6bnVsbCwiTGluZVdlaWdodCI6MC4wLCJMaW5lVHlwZSI6MCwiUGFyZW50U3R5bGUiOm51bGx9LCJQYXJlbnRTdHlsZSI6bnVsbH0sIkRhdGVGb3JtYXQiOnsiJGlkIjoiN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GlkIjoiNzAyIiwiVG9wIjowLCJMZWZ0IjowLCJSaWdodCI6MCwiQm90dG9tIjowfSwiUGFkZGluZyI6eyIkaWQiOiI3MDMiLCJUb3AiOjAsIkxlZnQiOjAsIlJpZ2h0IjowLCJCb3R0b20iOjB9LCJCYWNrZ3JvdW5kIjp7IiRyZWYiOiIzOTAifSwiSXNWaXNpYmxlIjp0cnVlLCJXaWR0aCI6MC4wLCJIZWlnaHQiOjAuMCwiQm9yZGVyU3R5bGUiOnsiJGlkIjoiNzA0IiwiTGluZUNvbG9yIjpudWxsLCJMaW5lV2VpZ2h0IjowLjAsIkxpbmVUeXBlIjowLCJQYXJlbnRTdHlsZSI6bnVsbH0sIlBhcmVudFN0eWxlIjpudWxsfSwiRGF0ZUZvcm1hdCI6eyIkaWQiOiI3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3NDQiLCJUb3AiOjAsIkxlZnQiOjAsIlJpZ2h0IjowLCJCb3R0b20iOjB9LCJQYWRkaW5nIjp7IiRpZCI6Ijc0NSIsIlRvcCI6MCwiTGVmdCI6MCwiUmlnaHQiOjAsIkJvdHRvbSI6MH0sIkJhY2tncm91bmQiOnsiJHJlZiI6IjM5MCJ9LCJJc1Zpc2libGUiOnRydWUsIldpZHRoIjowLjAsIkhlaWdodCI6MC4wLCJCb3JkZXJTdHlsZSI6eyIkaWQiOiI3NDYiLCJMaW5lQ29sb3IiOm51bGwsIkxpbmVXZWlnaHQiOjAuMCwiTGluZVR5cGUiOjAsIlBhcmVudFN0eWxlIjpudWxsfSwiUGFyZW50U3R5bGUiOm51bGx9LCJEYXRlRm9ybWF0Ijp7IiRpZCI6Ijc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AsIkZvcmVncm91bmQiOnsiJGlkIjoiNzY0IiwiQ29sb3IiOnsiJGlkIjoiNzY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c3MyIsIkNvbG9yIjp7IiRpZCI6Ijc3NCIsIkEiOjAsIlIiOjI1NSwiRyI6MjU1LCJCIjoyNTV9fSwiSXNWaXNpYmxlIjpmYWxzZSwiV2lkdGgiOjAuMCwiSGVpZ2h0IjowLjAsIkJvcmRlclN0eWxlIjp7IiRpZCI6Ijc3NSIsIkxpbmVDb2xvciI6bnVsbCwiTGluZVdlaWdodCI6MC4wLCJMaW5lVHlwZSI6MCwiUGFyZW50U3R5bGUiOm51bGx9LCJQYXJlbnRTdHlsZSI6bnVsbH0sIkRhdGVGb3JtYXQiOnsiJGlkIjoiNz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ODE0IiwiVG9wIjowLCJMZWZ0IjowLCJSaWdodCI6MCwiQm90dG9tIjowfSwiUGFkZGluZyI6eyIkaWQiOiI4MTUiLCJUb3AiOjAsIkxlZnQiOjAsIlJpZ2h0IjowLCJCb3R0b20iOjB9LCJCYWNrZ3JvdW5kIjp7IiRyZWYiOiIzOTAifSwiSXNWaXNpYmxlIjp0cnVlLCJXaWR0aCI6MC4wLCJIZWlnaHQiOjAuMCwiQm9yZGVyU3R5bGUiOnsiJGlkIjoiODE2IiwiTGluZUNvbG9yIjpudWxsLCJMaW5lV2VpZ2h0IjowLjAsIkxpbmVUeXBlIjowLCJQYXJlbnRTdHlsZSI6bnVsbH0sIlBhcmVudFN0eWxlIjpudWxsfSwiRGF0ZUZvcm1hdCI6eyIkaWQiOiI4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zNjQifSwiTGluZVdlaWdodCI6MS4wLCJMaW5lVHlwZSI6MCwiUGFyZW50U3R5bGUiOm51bGx9LCJWZXJ0aWNhbENvbm5lY3RvclN0eWxlIjp7IiRpZCI6IjgzNi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aWQiOiI4NTYiLCJUb3AiOjAsIkxlZnQiOjAsIlJpZ2h0IjowLCJCb3R0b20iOjB9LCJQYWRkaW5nIjp7IiRpZCI6Ijg1NyIsIlRvcCI6MCwiTGVmdCI6MCwiUmlnaHQiOjAsIkJvdHRvbSI6MH0sIkJhY2tncm91bmQiOnsiJHJlZiI6IjM5MCJ9LCJJc1Zpc2libGUiOnRydWUsIldpZHRoIjowLjAsIkhlaWdodCI6MC4wLCJCb3JkZXJTdHlsZSI6eyIkaWQiOiI4NTgiLCJMaW5lQ29sb3IiOm51bGwsIkxpbmVXZWlnaHQiOjAuMCwiTGluZVR5cGUiOjAsIlBhcmVudFN0eWxlIjpudWxsfSwiUGFyZW50U3R5bGUiOm51bGx9LCJEYXRlRm9ybWF0Ijp7IiRpZCI6Ijg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4ODUiLCJDb2xvciI6eyIkaWQiOiI4ODYiLCJBIjowLCJSIjoyNTUsIkciOjI1NSwiQiI6MjU1fX0sIklzVmlzaWJsZSI6ZmFsc2UsIldpZHRoIjowLjAsIkhlaWdodCI6MC4wLCJCb3JkZXJTdHlsZSI6eyIkaWQiOiI4ODciLCJMaW5lQ29sb3IiOm51bGwsIkxpbmVXZWlnaHQiOjAuMCwiTGluZVR5cGUiOjAsIlBhcmVudFN0eWxlIjpudWxsfSwiUGFyZW50U3R5bGUiOm51bGx9LCJEYXRlRm9ybWF0Ijp7IiRpZCI6Ijg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kyNiIsIlRvcCI6MCwiTGVmdCI6MCwiUmlnaHQiOjAsIkJvdHRvbSI6MH0sIlBhZGRpbmciOnsiJGlkIjoiOTI3IiwiVG9wIjowLCJMZWZ0IjowLCJSaWdodCI6MCwiQm90dG9tIjowfSwiQmFja2dyb3VuZCI6eyIkcmVmIjoiMzkwIn0sIklzVmlzaWJsZSI6dHJ1ZSwiV2lkdGgiOjAuMCwiSGVpZ2h0IjowLjAsIkJvcmRlclN0eWxlIjp7IiRpZCI6IjkyOCIsIkxpbmVDb2xvciI6bnVsbCwiTGluZVdlaWdodCI6MC4wLCJMaW5lVHlwZSI6MCwiUGFyZW50U3R5bGUiOm51bGx9LCJQYXJlbnRTdHlsZSI6bnVsbH0sIkRhdGVGb3JtYXQiOnsiJGlkIjoiO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MzgiLCJMaW5lQ29sb3IiOm51bGwsIkxpbmVXZWlnaHQiOjAuMCwiTGluZVR5cGUiOjAsIlBhcmVudFN0eWxlIjpudWxsfSwiUGFyZW50U3R5bGUiOm51bGx9LCJEdXJhdGlvblN0eWxlIjp7IiRpZCI6IjkzOSIsIkZvbnRTZXR0aW5ncyI6eyIkaWQiOiI5N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0MSIsIkxpbmVDb2xvciI6bnVsbCwiTGluZVdlaWdodCI6MC4wLCJMaW5lVHlwZSI6MCwiUGFyZW50U3R5bGUiOm51bGx9LCJQYXJlbnRTdHlsZSI6bnVsbH0sIkhvcml6b250YWxDb25uZWN0b3JTdHlsZSI6eyIkaWQiOiI5NDIiLCJMaW5lQ29sb3IiOnsiJHJlZiI6Ijk5In0sIkxpbmVXZWlnaHQiOjEuMCwiTGluZVR5cGUiOjAsIlBhcmVudFN0eWxlIjpudWxsfSwiVmVydGljYWxDb25uZWN0b3JTdHlsZSI6eyIkaWQiOiI5NDM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OTUyIiwiQ29sb3IiOnsiJGlkIjoiOTUzIiwiQSI6MCwiUiI6MjU1LCJHIjoyNTUsIkIiOjI1NX19LCJJc1Zpc2libGUiOnRydWUsIldpZHRoIjowLjAsIkhlaWdodCI6MC4wLCJCb3JkZXJTdHlsZSI6eyIkaWQiOiI5NTQiLCJMaW5lQ29sb3IiOm51bGwsIkxpbmVXZWlnaHQiOjAuMCwiTGluZVR5cGUiOjAsIlBhcmVudFN0eWxlIjpudWxsfSwiUGFyZW50U3R5bGUiOm51bGx9LCJEYXRlU3R5bGUiOnsiJGlkIjoiOTU1IiwiRm9udFNldHRpbmdzIjp7IiRpZCI6Ijk1N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GlkIjoiMTAzMSIsIlRvcCI6MCwiTGVmdCI6MCwiUmlnaHQiOjAsIkJvdHRvbSI6MH0sIlBhZGRpbmciOnsiJGlkIjoiMTAzMiIsIlRvcCI6MCwiTGVmdCI6MCwiUmlnaHQiOjAsIkJvdHRvbSI6MH0sIkJhY2tncm91bmQiOnsiJHJlZiI6IjM5MCJ9LCJJc1Zpc2libGUiOnRydWUsIldpZHRoIjowLjAsIkhlaWdodCI6MC4wLCJCb3JkZXJTdHlsZSI6eyIkaWQiOiIxMDMzIiwiTGluZUNvbG9yIjpudWxsLCJMaW5lV2VpZ2h0IjowLjAsIkxpbmVUeXBlIjowLCJQYXJlbnRTdHlsZSI6bnVsbH0sIlBhcmVudFN0eWxlIjpudWxsfSwiRGF0ZUZvcm1hdCI6eyIkaWQiOiIxM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Y0IiwiVG9wIjowLCJMZWZ0IjowLCJSaWdodCI6MCwiQm90dG9tIjowfSwiUGFkZGluZyI6eyIkaWQiOiIxMDY1IiwiVG9wIjowLCJMZWZ0IjowLCJSaWdodCI6MCwiQm90dG9tIjowfSwiQmFja2dyb3VuZCI6eyIkaWQiOiIxMDY2IiwiQ29sb3IiOnsiJGlkIjoiMTA2NyIsIkEiOjAsIlIiOjI1NSwiRyI6MjU1LCJCIjoyNTV9fSwiSXNWaXNpYmxlIjp0cnVlLCJXaWR0aCI6MC4wLCJIZWlnaHQiOjAuMCwiQm9yZGVyU3R5bGUiOnsiJGlkIjoiMTA2OCIsIkxpbmVDb2xvciI6bnVsbCwiTGluZVdlaWdodCI6MC4wLCJMaW5lVHlwZSI6MCwiUGFyZW50U3R5bGUiOm51bGx9LCJQYXJlbnRTdHlsZSI6bnVsbH0sIkRhdGVGb3JtYXQiOnsiJGlkIjoiMTA2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A5NSIsIkNvbG9yIjp7IiRpZCI6IjEwOTYiLCJBIjowLCJSIjoyNTUsIkciOjI1NSwiQiI6MjU1fX0sIklzVmlzaWJsZSI6dHJ1ZSwiV2lkdGgiOjAuMCwiSGVpZ2h0IjowLjAsIkJvcmRlclN0eWxlIjp7IiRpZCI6IjEwOTciLCJMaW5lQ29sb3IiOm51bGwsIkxpbmVXZWlnaHQiOjAuMCwiTGluZVR5cGUiOjAsIlBhcmVudFN0eWxlIjpudWxsfSwiUGFyZW50U3R5bGUiOm51bGx9LCJEYXRlRm9ybWF0Ijp7IiRpZCI6IjEw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Y0In0sIlBhZGRpbmciOnsiJHJlZiI6IjEwNjUifSwiQmFja2dyb3VuZCI6eyIkaWQiOiIxMTI0IiwiQ29sb3IiOnsiJGlkIjoiMTEyNSIsIkEiOjAsIlIiOjI1NSwiRyI6MjU1LCJCIjoyNTV9fSwiSXNWaXNpYmxlIjp0cnVlLCJXaWR0aCI6MC4wLCJIZWlnaHQiOjAuMCwiQm9yZGVyU3R5bGUiOnsiJGlkIjoiMTEyNiIsIkxpbmVDb2xvciI6bnVsbCwiTGluZVdlaWdodCI6MC4wLCJMaW5lVHlwZSI6MCwiUGFyZW50U3R5bGUiOm51bGx9LCJQYXJlbnRTdHlsZSI6bnVsbH0sIkRhdGVGb3JtYXQiOnsiJGlkIjoiMT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AyNCJ9LCJQYWRkaW5nIjp7IiRyZWYiOiIxMDI1In0sIkJhY2tncm91bmQiOnsiJGlkIjoiMTE1NiIsIkNvbG9yIjp7IiRpZCI6IjExNTciLCJBIjowLCJSIjoyNTUsIkciOjI1NSwiQiI6MjU1fX0sIklzVmlzaWJsZSI6dHJ1ZSwiV2lkdGgiOjAuMCwiSGVpZ2h0IjowLjAsIkJvcmRlclN0eWxlIjp7IiRpZCI6IjExNTgiLCJMaW5lQ29sb3IiOm51bGwsIkxpbmVXZWlnaHQiOjAuMCwiTGluZVR5cGUiOjAsIlBhcmVudFN0eWxlIjpudWxsfSwiUGFyZW50U3R5bGUiOm51bGx9LCJEYXRlU3R5bGUiOnsiJGlkIjoiMTE1OSIsIkZvbnRTZXR0aW5ncyI6eyIkaWQiOiIxMTYw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AzMSJ9LCJQYWRkaW5nIjp7IiRyZWYiOiIxMDMyIn0sIkJhY2tncm91bmQiOnsiJHJlZiI6IjM5MCJ9LCJJc1Zpc2libGUiOnRydWUsIldpZHRoIjowLjAsIkhlaWdodCI6MC4wLCJCb3JkZXJTdHlsZSI6eyIkaWQiOiIxMTYxIiwiTGluZUNvbG9yIjpudWxsLCJMaW5lV2VpZ2h0IjowLjAsIkxpbmVUeXBlIjowLCJQYXJlbnRTdHlsZSI6bnVsbH0sIlBhcmVudFN0eWxlIjpudWxsfSwiRGF0ZUZvcm1hdCI6eyIkaWQiOiIxM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DI0In0sIlBhZGRpbmciOnsiJHJlZiI6IjEwMjUifSwiQmFja2dyb3VuZCI6eyIkaWQiOiIxMTg3IiwiQ29sb3IiOnsiJGlkIjoiMTE4OCIsIkEiOjAsIlIiOjI1NSwiRyI6MjU1LCJCIjoyNTV9fSwiSXNWaXNpYmxlIjp0cnVlLCJXaWR0aCI6MC4wLCJIZWlnaHQiOjAuMCwiQm9yZGVyU3R5bGUiOnsiJGlkIjoiMTE4OSIsIkxpbmVDb2xvciI6bnVsbCwiTGluZVdlaWdodCI6MC4wLCJMaW5lVHlwZSI6MCwiUGFyZW50U3R5bGUiOm51bGx9LCJQYXJlbnRTdHlsZSI6bnVsbH0sIkRhdGVTdHlsZSI6eyIkaWQiOiIxMTkwIiwiRm9udFNldHRpbmdzIjp7IiRpZCI6IjExO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DMxIn0sIlBhZGRpbmciOnsiJHJlZiI6IjEwMzIifSwiQmFja2dyb3VuZCI6eyIkcmVmIjoiMTI1In0sIklzVmlzaWJsZSI6dHJ1ZSwiV2lkdGgiOjAuMCwiSGVpZ2h0IjowLjAsIkJvcmRlclN0eWxlIjp7IiRpZCI6IjExOTIiLCJMaW5lQ29sb3IiOm51bGwsIkxpbmVXZWlnaHQiOjAuMCwiTGluZVR5cGUiOjAsIlBhcmVudFN0eWxlIjpudWxsfSwiUGFyZW50U3R5bGUiOm51bGx9LCJEYXRlRm9ybWF0Ijp7IiRpZCI6IjE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IxOSIsIkNvbG9yIjp7IiRpZCI6IjEyMjAiLCJBIjowLCJSIjoyNTUsIkciOjI1NSwiQiI6MjU1fX0sIklzVmlzaWJsZSI6dHJ1ZSwiV2lkdGgiOjAuMCwiSGVpZ2h0IjowLjAsIkJvcmRlclN0eWxlIjp7IiRpZCI6IjEyMjEiLCJMaW5lQ29sb3IiOm51bGwsIkxpbmVXZWlnaHQiOjAuMCwiTGluZVR5cGUiOjAsIlBhcmVudFN0eWxlIjpudWxsfSwiUGFyZW50U3R5bGUiOm51bGx9LCJEYXRlRm9ybWF0Ijp7IiRpZCI6IjEyM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I0OCIsIkNvbG9yIjp7IiRpZCI6IjEyNDkiLCJBIjowLCJSIjoyNTUsIkciOjI1NSwiQiI6MjU1fX0sIklzVmlzaWJsZSI6dHJ1ZSwiV2lkdGgiOjAuMCwiSGVpZ2h0IjowLjAsIkJvcmRlclN0eWxlIjp7IiRpZCI6IjEyNTAiLCJMaW5lQ29sb3IiOm51bGwsIkxpbmVXZWlnaHQiOjAuMCwiTGluZVR5cGUiOjAsIlBhcmVudFN0eWxlIjpudWxsfSwiUGFyZW50U3R5bGUiOm51bGx9LCJEYXRlRm9ybWF0Ijp7IiRpZCI6IjEyN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5OTcifSwiUGFkZGluZyI6eyIkcmVmIjoiOTk4In0sIkJhY2tncm91bmQiOnsiJHJlZiI6IjkwIn0sIklzVmlzaWJsZSI6dHJ1ZSwiV2lkdGgiOjAuMCwiSGVpZ2h0IjowLjAsIkJvcmRlclN0eWxlIjp7IiRpZCI6IjEyNjAiLCJMaW5lQ29sb3IiOm51bGwsIkxpbmVXZWlnaHQiOjAuMCwiTGluZVR5cGUiOjAsIlBhcmVudFN0eWxlIjpudWxsfSwiUGFyZW50U3R5bGUiOm51bGx9LCJEdXJhdGlvblN0eWxlIjp7IiRpZCI6IjEyNjEiLCJGb250U2V0dGluZ3MiOnsiJGlkIjoiMTI2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TdHlsZSI6eyIkaWQiOiIxMjc3IiwiRm9udFNldHRpbmdzIjp7IiRpZCI6IjEyNzg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DMxIn0sIlBhZGRpbmciOnsiJHJlZiI6IjEwMzIifSwiQmFja2dyb3VuZCI6eyIkcmVmIjoiMTI1In0sIklzVmlzaWJsZSI6dHJ1ZSwiV2lkdGgiOjAuMCwiSGVpZ2h0IjowLjAsIkJvcmRlclN0eWxlIjp7IiRpZCI6IjEyNzkiLCJMaW5lQ29sb3IiOm51bGwsIkxpbmVXZWlnaHQiOjAuMCwiTGluZVR5cGUiOjAsIlBhcmVudFN0eWxlIjpudWxsfSwiUGFyZW50U3R5bGUiOm51bGx9LCJEYXRlRm9ybWF0Ijp7IiRpZCI6IjE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xMyIsIkNvbG9yIjp7IiRpZCI6IjEzMTQiLCJBIjowLCJSIjoyNTUsIkciOjI1NSwiQiI6MjU1fX0sIklzVmlzaWJsZSI6dHJ1ZSwiV2lkdGgiOjAuMCwiSGVpZ2h0IjowLjAsIkJvcmRlclN0eWxlIjpudWxsLCJQYXJlbnRTdHlsZSI6bnVsbH0sIkRhdGVTdHlsZSI6eyIkaWQiOiIxMzE1IiwiRm9udFNldHRpbmdzIjp7IiRpZCI6IjEzMTYiLCJGb250U2l6ZSI6MTAsIkZvbnROYW1lIjoiQ2FsaWJyaSIsIklzQm9sZCI6ZmFsc2UsIklzSXRhbGljIjpmYWxzZSwiSXNVbmRlcmxpbmVkIjpmYWxzZSwiUGFyZW50U3R5bGUiOm51bGx9LCJBdXRvU2l6ZSI6MCwiRm9yZWdyb3VuZCI6eyIkaWQiOiIxMzE3IiwiQ29sb3IiOnsiJGlkIjoiMTM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zMzIiwiQ29sb3IiOnsiJGlkIjoiMTMzNCIsIkEiOjAsIlIiOjI1NSwiRyI6MjU1LCJCIjoyNTV9fSwiSXNWaXNpYmxlIjp0cnVlLCJXaWR0aCI6MC4wLCJIZWlnaHQiOjAuMCwiQm9yZGVyU3R5bGUiOm51bGwsIlBhcmVudFN0eWxlIjpudWxsfSwiRGF0ZVN0eWxlIjp7IiRpZCI6IjEzMzUiLCJGb250U2V0dGluZ3MiOnsiJGlkIjoiMTMzNiIsIkZvbnRTaXplIjoxMCwiRm9udE5hbWUiOiJDYWxpYnJpIiwiSXNCb2xkIjpmYWxzZSwiSXNJdGFsaWMiOmZhbHNlLCJJc1VuZGVybGluZWQiOmZhbHNlLCJQYXJlbnRTdHlsZSI6bnVsbH0sIkF1dG9TaXplIjowLCJGb3JlZ3JvdW5kIjp7IiRpZCI6IjEzMzciLCJDb2xvciI6eyIkaWQiOiIxMzM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1MyIsIkNvbG9yIjp7IiRpZCI6IjEzNTQiLCJBIjowLCJSIjoyNTUsIkciOjI1NSwiQiI6MjU1fX0sIklzVmlzaWJsZSI6dHJ1ZSwiV2lkdGgiOjAuMCwiSGVpZ2h0IjowLjAsIkJvcmRlclN0eWxlIjpudWxsLCJQYXJlbnRTdHlsZSI6bnVsbH0sIkRhdGVTdHlsZSI6eyIkaWQiOiIxMzU1IiwiRm9udFNldHRpbmdzIjp7IiRpZCI6IjEzNTYiLCJGb250U2l6ZSI6MTAsIkZvbnROYW1lIjoiQ2FsaWJyaSIsIklzQm9sZCI6ZmFsc2UsIklzSXRhbGljIjpmYWxzZSwiSXNVbmRlcmxpbmVkIjpmYWxzZSwiUGFyZW50U3R5bGUiOm51bGx9LCJBdXRvU2l6ZSI6MCwiRm9yZWdyb3VuZCI6eyIkaWQiOiIxMzU3IiwiQ29sb3IiOnsiJGlkIjoiMTM1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3MyIsIkNvbG9yIjp7IiRpZCI6IjEzNzQiLCJBIjowLCJSIjoyNTUsIkciOjI1NSwiQiI6MjU1fX0sIklzVmlzaWJsZSI6dHJ1ZSwiV2lkdGgiOjAuMCwiSGVpZ2h0IjowLjAsIkJvcmRlclN0eWxlIjpudWxsLCJQYXJlbnRTdHlsZSI6bnVsbH0sIkRhdGVTdHlsZSI6eyIkaWQiOiIxMzc1IiwiRm9udFNldHRpbmdzIjp7IiRpZCI6IjEzNzYiLCJGb250U2l6ZSI6MTAsIkZvbnROYW1lIjoiQ2FsaWJyaSIsIklzQm9sZCI6ZmFsc2UsIklzSXRhbGljIjpmYWxzZSwiSXNVbmRlcmxpbmVkIjpmYWxzZSwiUGFyZW50U3R5bGUiOm51bGx9LCJBdXRvU2l6ZSI6MCwiRm9yZWdyb3VuZCI6eyIkaWQiOiIxMzc3IiwiQ29sb3IiOnsiJGlkIjoiMTM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zkzIiwiQ29sb3IiOnsiJGlkIjoiMTM5NCIsIkEiOjAsIlIiOjI1NSwiRyI6MjU1LCJCIjoyNTV9fSwiSXNWaXNpYmxlIjp0cnVlLCJXaWR0aCI6MC4wLCJIZWlnaHQiOjAuMCwiQm9yZGVyU3R5bGUiOm51bGwsIlBhcmVudFN0eWxlIjpudWxsfSwiRGF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zk5IiwiQ29sb3IiOnsiJGlkIjoiMTQwMCIsIkEiOjAsIlIiOjI1NSwiRyI6MjU1LCJCIjoyNTV9fSwiSXNWaXNpYmxlIjpmYWxzZSwiV2lkdGgiOjAuMCwiSGVpZ2h0IjowLjAsIkJvcmRlclN0eWxlIjpudWxsLCJQYXJlbnRTdHlsZSI6bnVsbH0sIkRhdGVGb3JtYXQiOnsiJGlkIjoiMTQ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NDE0IiwiQ29sb3IiOnsiJGlkIjoiMTQxNSIsIkEiOjAsIlIiOjI1NSwiRyI6MjU1LCJCIjoyNTV9fSwiSXNWaXNpYmxlIjp0cnVlLCJXaWR0aCI6MC4wLCJIZWlnaHQiOjAuMCwiQm9yZGVyU3R5bGUiOm51bGwsIlBhcmVudFN0eWxlIjpudWxsfSwiRGF0ZVN0eWxlIjp7IiRpZCI6IjE0MTYiLCJGb250U2V0dGluZ3MiOnsiJGlkIjoiMTQxNyIsIkZvbnRTaXplIjoxMCwiRm9udE5hbWUiOiJDYWxpYnJpIiwiSXNCb2xkIjpmYWxzZSwiSXNJdGFsaWMiOmZhbHNlLCJJc1VuZGVybGluZWQiOmZhbHNlLCJQYXJlbnRTdHlsZSI6bnVsbH0sIkF1dG9TaXplIjowLCJGb3JlZ3JvdW5kIjp7IiRpZCI6IjE0MTgiLCJDb2xvciI6eyIkaWQiOiIxNDE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NDM0IiwiQ29sb3IiOnsiJGlkIjoiMTQzNSIsIkEiOjAsIlIiOjI1NSwiRyI6MjU1LCJCIjoyNTV9fSwiSXNWaXNpYmxlIjp0cnVlLCJXaWR0aCI6MC4wLCJIZWlnaHQiOjAuMCwiQm9yZGVyU3R5bGUiOm51bGwsIlBhcmVudFN0eWxlIjpudWxsfSwiRGF0ZVN0eWxlIjp7IiRpZCI6IjE0MzYiLCJGb250U2V0dGluZ3MiOnsiJGlkIjoiMTQzNyIsIkZvbnRTaXplIjoxMCwiRm9udE5hbWUiOiJDYWxpYnJpIiwiSXNCb2xkIjpmYWxzZSwiSXNJdGFsaWMiOmZhbHNlLCJJc1VuZGVybGluZWQiOmZhbHNlLCJQYXJlbnRTdHlsZSI6bnVsbH0sIkF1dG9TaXplIjowLCJGb3JlZ3JvdW5kIjp7IiRpZCI6IjE0MzgiLCJDb2xvciI6eyIkaWQiOiIxNDM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Q1NCIsIkZvbnRTZXR0aW5ncyI6eyIkaWQiOiIxND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RGF0ZUZvcm1hdCI6eyIkaWQiOiIx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0NjkiLCJGb250U2V0dGluZ3MiOnsiJGlkIjoiMTQ3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kRhdGVGb3JtYXQiOnsiJHJlZiI6IjgxIn0sIldlZWtOdW1iZXJpbmciOnsiJGlkIjoiMTQ3MSIsIkZvcm1hdCI6MCwiSXNWaXNpYmxlIjpmYWxzZSwiTGFzdEtub3duVmlzaWJpbGl0eVN0YXRlIjpmYWxzZX0sIklzVmlzaWJsZSI6ZmFsc2UsIlBhcmVudFN0eWxlIjpudWxsfSwiSHlwZXJsaW5rIjp7IiRpZCI6IjE0NzIiLCJBZGRyZXNzIjoiIiwiU3ViQWRkcmVzcyI6IiJ9LCJJbXBvcnRJZCI6bnVsbH1dfV0sIk1zUHJvamVjdEl0ZW1zVHJlZSI6bnVsbCwiTWV0YWRhdGEiOnsiJGlkIjoiMTQ3My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xNDc0IiwiSW1wYU9wdGlvbnMiOnsiJGlkIjoiMTQ3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NzYiLCJVc2VUaW1lIjpmYWxzZSwiV29ya0RheVN0YXJ0IjoiMDA6MDA6MDAiLCJXb3JrRGF5RW5kIjoiMjM6NTk6MDAifSwiTGFzdFVzZWRUZW1wbGF0ZUlkIjoiODJhNzc2MDYtYjY0YS00ODVkLWFmNDEtMWFlMzc4YzlhNWQ0IiwiRmlyc3RXZWVrT2ZZZWFyIjow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DATEFORMATSTRING" val="yyyy/MMM"/>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Q1 Review"/>
  <p:tag name="OTLPOSITIONONTASK" val="None"/>
  <p:tag name="OTLRELATEDTASKID" val="00000000-0000-0000-0000-000000000000"/>
  <p:tag name="OTLWEEKNUMBERINGFORMAT" val="WNFormat1"/>
  <p:tag name="OTLWEEKNUMBERINGISVISIBLE" val="False"/>
  <p:tag name="OTLDATE" val="2021-03-31T23:59:00.0000000"/>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DATEFORMATSTRING" val="yyyy/MMM"/>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Q2 Review"/>
  <p:tag name="OTLPOSITIONONTASK" val="None"/>
  <p:tag name="OTLRELATEDTASKID" val="00000000-0000-0000-0000-000000000000"/>
  <p:tag name="OTLWEEKNUMBERINGFORMAT" val="WNFormat1"/>
  <p:tag name="OTLWEEKNUMBERINGISVISIBLE" val="False"/>
  <p:tag name="OTLDATE" val="2021-07-05T00:00:00.0000000"/>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DATEFORMATSTRING" val="yyyy/MMM"/>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Q3 Review"/>
  <p:tag name="OTLPOSITIONONTASK" val="None"/>
  <p:tag name="OTLRELATEDTASKID" val="00000000-0000-0000-0000-000000000000"/>
  <p:tag name="OTLWEEKNUMBERINGFORMAT" val="WNFormat1"/>
  <p:tag name="OTLWEEKNUMBERINGISVISIBLE" val="False"/>
  <p:tag name="OTLDATE" val="2021-09-27T23:59:00.0000000"/>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DATEFORMATSTRING" val="yyyy/MMM"/>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Q4 Review"/>
  <p:tag name="OTLPOSITIONONTASK" val="None"/>
  <p:tag name="OTLRELATEDTASKID" val="00000000-0000-0000-0000-000000000000"/>
  <p:tag name="OTLWEEKNUMBERINGFORMAT" val="WNFormat1"/>
  <p:tag name="OTLWEEKNUMBERINGISVISIBLE" val="False"/>
  <p:tag name="OTLDATE" val="2021-12-20T23:59:00.0000000"/>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3"/>
  <p:tag name="OTLSHAPETHICKNESSTYPE" val="Thin"/>
  <p:tag name="OTLWEEKNUMBERINGFORMAT" val="WNFormat1"/>
  <p:tag name="OTLWEEKNUMBERINGISVISIBLE" val="False"/>
  <p:tag name="OTLSTARTDATE" val="2021-01-02T00:00:00.0000000Z"/>
  <p:tag name="OTLENDDATE" val="2021-03-31T19:44:00.0000000Z"/>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TODAYPOSITION" val="Hide"/>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M"/>
  <p:tag name="OTLTIMEBANDSCALETYPE" val="Quarters"/>
  <p:tag name="OTLTIMEBANDQUICKPOSITION" val="Custom"/>
  <p:tag name="OTLTIMEBANDSHAPETYPE" val="RectangleTimeband"/>
  <p:tag name="OTLTIMEBANDTHREEDEFFECTS" val="None"/>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SHAPEPADDINGTOP" val="7"/>
  <p:tag name="OTLTIMEBANDFYSTARTMONTH" val="January"/>
  <p:tag name="OTLTIMEBANDSHOWFYLABEL" val="True"/>
  <p:tag name="OTLTIMEBANDUSESTARTINGOFTHEYEARFORFYNUMBERING" val="True"/>
  <p:tag name="OTLTIMEBANDENDDATE" val="2021-12-25T03:44:00.0000000"/>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2930</Words>
  <Application>Microsoft Office PowerPoint</Application>
  <PresentationFormat>Widescreen</PresentationFormat>
  <Paragraphs>299</Paragraphs>
  <Slides>19</Slides>
  <Notes>8</Notes>
  <HiddenSlides>4</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9</vt:i4>
      </vt:variant>
    </vt:vector>
  </HeadingPairs>
  <TitlesOfParts>
    <vt:vector size="24" baseType="lpstr">
      <vt:lpstr>Arial</vt:lpstr>
      <vt:lpstr>Calibri</vt:lpstr>
      <vt:lpstr>Calibri Light</vt:lpstr>
      <vt:lpstr>Palatino Linotype</vt:lpstr>
      <vt:lpstr>Office Theme</vt:lpstr>
      <vt:lpstr>Autonomous UAV Capstone Status Presentation II</vt:lpstr>
      <vt:lpstr>UAV Capstone</vt:lpstr>
      <vt:lpstr>Stakeholder Analysis</vt:lpstr>
      <vt:lpstr>Budget</vt:lpstr>
      <vt:lpstr>PowerPoint Presentation</vt:lpstr>
      <vt:lpstr>PDR: Physical/Mechanical Requirements</vt:lpstr>
      <vt:lpstr>PDR: PX4 with Pixhawk Flight Controller</vt:lpstr>
      <vt:lpstr>PDR: Software in the Loop Simulation</vt:lpstr>
      <vt:lpstr>PDR: Satellite Navigation with RTK</vt:lpstr>
      <vt:lpstr>PDR: Computer Vision</vt:lpstr>
      <vt:lpstr>PDR: Computer Vision Testing</vt:lpstr>
      <vt:lpstr>PDR: Computer Vision Testing</vt:lpstr>
      <vt:lpstr>PowerPoint Presentation</vt:lpstr>
      <vt:lpstr>Questions?</vt:lpstr>
      <vt:lpstr>PowerPoint Presentation</vt:lpstr>
      <vt:lpstr>Future Development</vt:lpstr>
      <vt:lpstr>Entrance Criteria</vt:lpstr>
      <vt:lpstr>Exit Criteria</vt:lpstr>
      <vt:lpstr>Additional consideration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Unmanned Aerial Vehicle (UAV)</dc:title>
  <dc:creator>Dominick Bulone</dc:creator>
  <cp:lastModifiedBy>Von Brock, Ryan CDT (EDU)</cp:lastModifiedBy>
  <cp:revision>1</cp:revision>
  <dcterms:created xsi:type="dcterms:W3CDTF">2021-09-28T14:05:59Z</dcterms:created>
  <dcterms:modified xsi:type="dcterms:W3CDTF">2021-11-12T18:43:02Z</dcterms:modified>
</cp:coreProperties>
</file>